
<file path=[Content_Types].xml><?xml version="1.0" encoding="utf-8"?>
<Types xmlns="http://schemas.openxmlformats.org/package/2006/content-types"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1" r:id="rId6"/>
    <p:sldId id="274" r:id="rId7"/>
    <p:sldId id="273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E32FA"/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B5AAE2B-616C-443D-A2A9-E8198E87A431}" v="6" dt="2024-06-12T12:00:05.10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67" d="100"/>
          <a:sy n="67" d="100"/>
        </p:scale>
        <p:origin x="644" y="4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Relationship Id="rId14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ataly Echezuria" userId="016cf74e-e64d-40ef-b55b-1485ed1ed370" providerId="ADAL" clId="{CD3F13ED-CC92-43E4-B154-16080E11EF43}"/>
    <pc:docChg chg="undo custSel addSld delSld modSld sldOrd">
      <pc:chgData name="Nataly Echezuria" userId="016cf74e-e64d-40ef-b55b-1485ed1ed370" providerId="ADAL" clId="{CD3F13ED-CC92-43E4-B154-16080E11EF43}" dt="2023-12-01T09:46:46.294" v="426" actId="13244"/>
      <pc:docMkLst>
        <pc:docMk/>
      </pc:docMkLst>
      <pc:sldChg chg="addSp delSp modSp mod">
        <pc:chgData name="Nataly Echezuria" userId="016cf74e-e64d-40ef-b55b-1485ed1ed370" providerId="ADAL" clId="{CD3F13ED-CC92-43E4-B154-16080E11EF43}" dt="2023-12-01T09:46:15.225" v="416" actId="962"/>
        <pc:sldMkLst>
          <pc:docMk/>
          <pc:sldMk cId="2748576720" sldId="257"/>
        </pc:sldMkLst>
        <pc:spChg chg="add del mod">
          <ac:chgData name="Nataly Echezuria" userId="016cf74e-e64d-40ef-b55b-1485ed1ed370" providerId="ADAL" clId="{CD3F13ED-CC92-43E4-B154-16080E11EF43}" dt="2023-11-30T15:57:14.012" v="219" actId="478"/>
          <ac:spMkLst>
            <pc:docMk/>
            <pc:sldMk cId="2748576720" sldId="257"/>
            <ac:spMk id="2" creationId="{2AA40EF5-6DDE-D5DC-8FD1-357E6D509814}"/>
          </ac:spMkLst>
        </pc:spChg>
        <pc:spChg chg="add del mod">
          <ac:chgData name="Nataly Echezuria" userId="016cf74e-e64d-40ef-b55b-1485ed1ed370" providerId="ADAL" clId="{CD3F13ED-CC92-43E4-B154-16080E11EF43}" dt="2023-11-30T15:58:17.774" v="257" actId="478"/>
          <ac:spMkLst>
            <pc:docMk/>
            <pc:sldMk cId="2748576720" sldId="257"/>
            <ac:spMk id="4" creationId="{4929B051-C437-04BE-21A7-6BE378E22A1D}"/>
          </ac:spMkLst>
        </pc:spChg>
        <pc:spChg chg="add del">
          <ac:chgData name="Nataly Echezuria" userId="016cf74e-e64d-40ef-b55b-1485ed1ed370" providerId="ADAL" clId="{CD3F13ED-CC92-43E4-B154-16080E11EF43}" dt="2023-11-30T15:56:59.417" v="215" actId="478"/>
          <ac:spMkLst>
            <pc:docMk/>
            <pc:sldMk cId="2748576720" sldId="257"/>
            <ac:spMk id="5" creationId="{27994A38-BD77-946D-4942-357317E065E7}"/>
          </ac:spMkLst>
        </pc:spChg>
        <pc:spChg chg="del">
          <ac:chgData name="Nataly Echezuria" userId="016cf74e-e64d-40ef-b55b-1485ed1ed370" providerId="ADAL" clId="{CD3F13ED-CC92-43E4-B154-16080E11EF43}" dt="2023-11-30T15:40:49.202" v="113" actId="478"/>
          <ac:spMkLst>
            <pc:docMk/>
            <pc:sldMk cId="2748576720" sldId="257"/>
            <ac:spMk id="7" creationId="{8F52D842-F1A1-1032-93F3-952508306881}"/>
          </ac:spMkLst>
        </pc:spChg>
        <pc:spChg chg="add del mod">
          <ac:chgData name="Nataly Echezuria" userId="016cf74e-e64d-40ef-b55b-1485ed1ed370" providerId="ADAL" clId="{CD3F13ED-CC92-43E4-B154-16080E11EF43}" dt="2023-11-30T15:41:02.317" v="115" actId="478"/>
          <ac:spMkLst>
            <pc:docMk/>
            <pc:sldMk cId="2748576720" sldId="257"/>
            <ac:spMk id="8" creationId="{67153EAB-DFD5-E76D-E78C-04D400EE033D}"/>
          </ac:spMkLst>
        </pc:spChg>
        <pc:spChg chg="add del mod">
          <ac:chgData name="Nataly Echezuria" userId="016cf74e-e64d-40ef-b55b-1485ed1ed370" providerId="ADAL" clId="{CD3F13ED-CC92-43E4-B154-16080E11EF43}" dt="2023-11-30T15:57:22.440" v="221" actId="478"/>
          <ac:spMkLst>
            <pc:docMk/>
            <pc:sldMk cId="2748576720" sldId="257"/>
            <ac:spMk id="9" creationId="{E0A7B1B2-4378-CCB0-7FEC-5D2F75555ACC}"/>
          </ac:spMkLst>
        </pc:spChg>
        <pc:spChg chg="add mod ord">
          <ac:chgData name="Nataly Echezuria" userId="016cf74e-e64d-40ef-b55b-1485ed1ed370" providerId="ADAL" clId="{CD3F13ED-CC92-43E4-B154-16080E11EF43}" dt="2023-11-30T15:57:26.303" v="222" actId="13244"/>
          <ac:spMkLst>
            <pc:docMk/>
            <pc:sldMk cId="2748576720" sldId="257"/>
            <ac:spMk id="11" creationId="{1F2D0138-A200-A91F-7B3D-2516AE2A5E50}"/>
          </ac:spMkLst>
        </pc:spChg>
        <pc:spChg chg="add del mod">
          <ac:chgData name="Nataly Echezuria" userId="016cf74e-e64d-40ef-b55b-1485ed1ed370" providerId="ADAL" clId="{CD3F13ED-CC92-43E4-B154-16080E11EF43}" dt="2023-11-30T15:57:20.561" v="220" actId="478"/>
          <ac:spMkLst>
            <pc:docMk/>
            <pc:sldMk cId="2748576720" sldId="257"/>
            <ac:spMk id="13" creationId="{C5C05CE4-9C4E-3731-B137-811F74C34383}"/>
          </ac:spMkLst>
        </pc:spChg>
        <pc:spChg chg="add mod ord">
          <ac:chgData name="Nataly Echezuria" userId="016cf74e-e64d-40ef-b55b-1485ed1ed370" providerId="ADAL" clId="{CD3F13ED-CC92-43E4-B154-16080E11EF43}" dt="2023-11-30T15:57:51.764" v="229" actId="13244"/>
          <ac:spMkLst>
            <pc:docMk/>
            <pc:sldMk cId="2748576720" sldId="257"/>
            <ac:spMk id="14" creationId="{A291C34A-FAF1-683D-3DA4-62261254622A}"/>
          </ac:spMkLst>
        </pc:spChg>
        <pc:spChg chg="add mod ord">
          <ac:chgData name="Nataly Echezuria" userId="016cf74e-e64d-40ef-b55b-1485ed1ed370" providerId="ADAL" clId="{CD3F13ED-CC92-43E4-B154-16080E11EF43}" dt="2023-11-30T16:15:17.800" v="325" actId="1076"/>
          <ac:spMkLst>
            <pc:docMk/>
            <pc:sldMk cId="2748576720" sldId="257"/>
            <ac:spMk id="15" creationId="{240937C8-2FBF-6840-8CC4-B3BF5AAC90EF}"/>
          </ac:spMkLst>
        </pc:spChg>
        <pc:spChg chg="add mod">
          <ac:chgData name="Nataly Echezuria" userId="016cf74e-e64d-40ef-b55b-1485ed1ed370" providerId="ADAL" clId="{CD3F13ED-CC92-43E4-B154-16080E11EF43}" dt="2023-11-30T15:58:40.907" v="259" actId="2711"/>
          <ac:spMkLst>
            <pc:docMk/>
            <pc:sldMk cId="2748576720" sldId="257"/>
            <ac:spMk id="16" creationId="{A8B114A4-2918-EB2B-8534-67CCE7C155A4}"/>
          </ac:spMkLst>
        </pc:spChg>
        <pc:spChg chg="del">
          <ac:chgData name="Nataly Echezuria" userId="016cf74e-e64d-40ef-b55b-1485ed1ed370" providerId="ADAL" clId="{CD3F13ED-CC92-43E4-B154-16080E11EF43}" dt="2023-11-30T15:33:52.140" v="0" actId="478"/>
          <ac:spMkLst>
            <pc:docMk/>
            <pc:sldMk cId="2748576720" sldId="257"/>
            <ac:spMk id="17" creationId="{7E242B1F-447C-C2FD-5776-51AA6272A986}"/>
          </ac:spMkLst>
        </pc:spChg>
        <pc:spChg chg="add mod">
          <ac:chgData name="Nataly Echezuria" userId="016cf74e-e64d-40ef-b55b-1485ed1ed370" providerId="ADAL" clId="{CD3F13ED-CC92-43E4-B154-16080E11EF43}" dt="2023-11-30T17:12:43.656" v="362" actId="20577"/>
          <ac:spMkLst>
            <pc:docMk/>
            <pc:sldMk cId="2748576720" sldId="257"/>
            <ac:spMk id="18" creationId="{3303AB1C-A1C6-67B3-6D5F-F41ABB624B23}"/>
          </ac:spMkLst>
        </pc:spChg>
        <pc:spChg chg="add mod">
          <ac:chgData name="Nataly Echezuria" userId="016cf74e-e64d-40ef-b55b-1485ed1ed370" providerId="ADAL" clId="{CD3F13ED-CC92-43E4-B154-16080E11EF43}" dt="2023-11-30T15:58:12.660" v="256" actId="1037"/>
          <ac:spMkLst>
            <pc:docMk/>
            <pc:sldMk cId="2748576720" sldId="257"/>
            <ac:spMk id="20" creationId="{8D96D94B-D357-E9CA-7764-2CC38A083F16}"/>
          </ac:spMkLst>
        </pc:spChg>
        <pc:spChg chg="mod">
          <ac:chgData name="Nataly Echezuria" userId="016cf74e-e64d-40ef-b55b-1485ed1ed370" providerId="ADAL" clId="{CD3F13ED-CC92-43E4-B154-16080E11EF43}" dt="2023-11-30T16:15:14.567" v="323"/>
          <ac:spMkLst>
            <pc:docMk/>
            <pc:sldMk cId="2748576720" sldId="257"/>
            <ac:spMk id="24" creationId="{B23F81D8-9C3C-EE94-B2BE-75D939FDFE27}"/>
          </ac:spMkLst>
        </pc:spChg>
        <pc:spChg chg="mod">
          <ac:chgData name="Nataly Echezuria" userId="016cf74e-e64d-40ef-b55b-1485ed1ed370" providerId="ADAL" clId="{CD3F13ED-CC92-43E4-B154-16080E11EF43}" dt="2023-11-30T16:15:14.567" v="323"/>
          <ac:spMkLst>
            <pc:docMk/>
            <pc:sldMk cId="2748576720" sldId="257"/>
            <ac:spMk id="25" creationId="{E210AD97-2F12-93DA-75F1-FB8768A06CF8}"/>
          </ac:spMkLst>
        </pc:spChg>
        <pc:spChg chg="mod">
          <ac:chgData name="Nataly Echezuria" userId="016cf74e-e64d-40ef-b55b-1485ed1ed370" providerId="ADAL" clId="{CD3F13ED-CC92-43E4-B154-16080E11EF43}" dt="2023-11-30T16:15:14.567" v="323"/>
          <ac:spMkLst>
            <pc:docMk/>
            <pc:sldMk cId="2748576720" sldId="257"/>
            <ac:spMk id="26" creationId="{52601277-E1BD-6C0C-8FB8-57F96474BF98}"/>
          </ac:spMkLst>
        </pc:spChg>
        <pc:spChg chg="mod">
          <ac:chgData name="Nataly Echezuria" userId="016cf74e-e64d-40ef-b55b-1485ed1ed370" providerId="ADAL" clId="{CD3F13ED-CC92-43E4-B154-16080E11EF43}" dt="2023-11-30T16:15:59.188" v="327" actId="207"/>
          <ac:spMkLst>
            <pc:docMk/>
            <pc:sldMk cId="2748576720" sldId="257"/>
            <ac:spMk id="27" creationId="{AF45A447-731D-F47F-D559-3B4417DBEB85}"/>
          </ac:spMkLst>
        </pc:spChg>
        <pc:spChg chg="mod">
          <ac:chgData name="Nataly Echezuria" userId="016cf74e-e64d-40ef-b55b-1485ed1ed370" providerId="ADAL" clId="{CD3F13ED-CC92-43E4-B154-16080E11EF43}" dt="2023-11-30T16:16:03.106" v="328" actId="207"/>
          <ac:spMkLst>
            <pc:docMk/>
            <pc:sldMk cId="2748576720" sldId="257"/>
            <ac:spMk id="28" creationId="{4502E846-E063-F750-82D5-2484FEB81356}"/>
          </ac:spMkLst>
        </pc:spChg>
        <pc:spChg chg="mod">
          <ac:chgData name="Nataly Echezuria" userId="016cf74e-e64d-40ef-b55b-1485ed1ed370" providerId="ADAL" clId="{CD3F13ED-CC92-43E4-B154-16080E11EF43}" dt="2023-11-30T16:16:04.893" v="329" actId="207"/>
          <ac:spMkLst>
            <pc:docMk/>
            <pc:sldMk cId="2748576720" sldId="257"/>
            <ac:spMk id="29" creationId="{E125C5D0-370D-5D34-B423-6CB26A30CFEF}"/>
          </ac:spMkLst>
        </pc:spChg>
        <pc:spChg chg="del mod">
          <ac:chgData name="Nataly Echezuria" userId="016cf74e-e64d-40ef-b55b-1485ed1ed370" providerId="ADAL" clId="{CD3F13ED-CC92-43E4-B154-16080E11EF43}" dt="2023-11-30T15:40:59.304" v="114" actId="478"/>
          <ac:spMkLst>
            <pc:docMk/>
            <pc:sldMk cId="2748576720" sldId="257"/>
            <ac:spMk id="31" creationId="{FD097587-D05D-4458-B1AF-E8ACBEFDA7DE}"/>
          </ac:spMkLst>
        </pc:spChg>
        <pc:spChg chg="del">
          <ac:chgData name="Nataly Echezuria" userId="016cf74e-e64d-40ef-b55b-1485ed1ed370" providerId="ADAL" clId="{CD3F13ED-CC92-43E4-B154-16080E11EF43}" dt="2023-11-30T15:56:58.554" v="214" actId="478"/>
          <ac:spMkLst>
            <pc:docMk/>
            <pc:sldMk cId="2748576720" sldId="257"/>
            <ac:spMk id="60" creationId="{3F0D69FA-4445-43BE-B55D-CA5C1E4B9A13}"/>
          </ac:spMkLst>
        </pc:spChg>
        <pc:grpChg chg="add del mod">
          <ac:chgData name="Nataly Echezuria" userId="016cf74e-e64d-40ef-b55b-1485ed1ed370" providerId="ADAL" clId="{CD3F13ED-CC92-43E4-B154-16080E11EF43}" dt="2023-11-30T16:17:06.225" v="333" actId="478"/>
          <ac:grpSpMkLst>
            <pc:docMk/>
            <pc:sldMk cId="2748576720" sldId="257"/>
            <ac:grpSpMk id="21" creationId="{0BAAD9FC-0DAF-6A24-566D-0EBC523E4D5E}"/>
          </ac:grpSpMkLst>
        </pc:grpChg>
        <pc:grpChg chg="mod">
          <ac:chgData name="Nataly Echezuria" userId="016cf74e-e64d-40ef-b55b-1485ed1ed370" providerId="ADAL" clId="{CD3F13ED-CC92-43E4-B154-16080E11EF43}" dt="2023-11-30T16:15:14.567" v="323"/>
          <ac:grpSpMkLst>
            <pc:docMk/>
            <pc:sldMk cId="2748576720" sldId="257"/>
            <ac:grpSpMk id="22" creationId="{BD9FC100-A895-7C65-C4B8-F0551E51EE80}"/>
          </ac:grpSpMkLst>
        </pc:grpChg>
        <pc:grpChg chg="mod">
          <ac:chgData name="Nataly Echezuria" userId="016cf74e-e64d-40ef-b55b-1485ed1ed370" providerId="ADAL" clId="{CD3F13ED-CC92-43E4-B154-16080E11EF43}" dt="2023-11-30T16:15:14.567" v="323"/>
          <ac:grpSpMkLst>
            <pc:docMk/>
            <pc:sldMk cId="2748576720" sldId="257"/>
            <ac:grpSpMk id="23" creationId="{A09BB8A8-6566-BC6B-3FB2-0AF651A9FC1A}"/>
          </ac:grpSpMkLst>
        </pc:grpChg>
        <pc:picChg chg="add mod ord modCrop">
          <ac:chgData name="Nataly Echezuria" userId="016cf74e-e64d-40ef-b55b-1485ed1ed370" providerId="ADAL" clId="{CD3F13ED-CC92-43E4-B154-16080E11EF43}" dt="2023-12-01T09:46:07.145" v="415" actId="13244"/>
          <ac:picMkLst>
            <pc:docMk/>
            <pc:sldMk cId="2748576720" sldId="257"/>
            <ac:picMk id="3" creationId="{4C8D5E7D-B7D0-956A-CC67-9F47B016CA29}"/>
          </ac:picMkLst>
        </pc:picChg>
        <pc:picChg chg="del">
          <ac:chgData name="Nataly Echezuria" userId="016cf74e-e64d-40ef-b55b-1485ed1ed370" providerId="ADAL" clId="{CD3F13ED-CC92-43E4-B154-16080E11EF43}" dt="2023-11-30T15:56:57.435" v="213" actId="478"/>
          <ac:picMkLst>
            <pc:docMk/>
            <pc:sldMk cId="2748576720" sldId="257"/>
            <ac:picMk id="3" creationId="{BC6CEEA5-F30F-35D3-9627-1FBEC72AE3F4}"/>
          </ac:picMkLst>
        </pc:picChg>
        <pc:picChg chg="add del mod ord">
          <ac:chgData name="Nataly Echezuria" userId="016cf74e-e64d-40ef-b55b-1485ed1ed370" providerId="ADAL" clId="{CD3F13ED-CC92-43E4-B154-16080E11EF43}" dt="2023-12-01T09:45:23.048" v="404" actId="478"/>
          <ac:picMkLst>
            <pc:docMk/>
            <pc:sldMk cId="2748576720" sldId="257"/>
            <ac:picMk id="10" creationId="{B6FCC7D3-41E3-9E07-54BE-65FBF75C246B}"/>
          </ac:picMkLst>
        </pc:picChg>
        <pc:picChg chg="add mod">
          <ac:chgData name="Nataly Echezuria" userId="016cf74e-e64d-40ef-b55b-1485ed1ed370" providerId="ADAL" clId="{CD3F13ED-CC92-43E4-B154-16080E11EF43}" dt="2023-11-30T15:58:12.660" v="256" actId="1037"/>
          <ac:picMkLst>
            <pc:docMk/>
            <pc:sldMk cId="2748576720" sldId="257"/>
            <ac:picMk id="19" creationId="{EC45A9B1-B59E-5568-5FB6-156903F3F93F}"/>
          </ac:picMkLst>
        </pc:picChg>
        <pc:picChg chg="add mod">
          <ac:chgData name="Nataly Echezuria" userId="016cf74e-e64d-40ef-b55b-1485ed1ed370" providerId="ADAL" clId="{CD3F13ED-CC92-43E4-B154-16080E11EF43}" dt="2023-12-01T09:46:15.225" v="416" actId="962"/>
          <ac:picMkLst>
            <pc:docMk/>
            <pc:sldMk cId="2748576720" sldId="257"/>
            <ac:picMk id="30" creationId="{FF50057A-6ACE-E71A-9819-5B9B261244E0}"/>
          </ac:picMkLst>
        </pc:picChg>
      </pc:sldChg>
      <pc:sldChg chg="del">
        <pc:chgData name="Nataly Echezuria" userId="016cf74e-e64d-40ef-b55b-1485ed1ed370" providerId="ADAL" clId="{CD3F13ED-CC92-43E4-B154-16080E11EF43}" dt="2023-11-30T15:41:41.449" v="122" actId="47"/>
        <pc:sldMkLst>
          <pc:docMk/>
          <pc:sldMk cId="2041794120" sldId="263"/>
        </pc:sldMkLst>
      </pc:sldChg>
      <pc:sldChg chg="addSp delSp modSp add mod modTransition">
        <pc:chgData name="Nataly Echezuria" userId="016cf74e-e64d-40ef-b55b-1485ed1ed370" providerId="ADAL" clId="{CD3F13ED-CC92-43E4-B154-16080E11EF43}" dt="2023-11-30T17:15:57.885" v="401" actId="1076"/>
        <pc:sldMkLst>
          <pc:docMk/>
          <pc:sldMk cId="3035780936" sldId="271"/>
        </pc:sldMkLst>
        <pc:spChg chg="mod">
          <ac:chgData name="Nataly Echezuria" userId="016cf74e-e64d-40ef-b55b-1485ed1ed370" providerId="ADAL" clId="{CD3F13ED-CC92-43E4-B154-16080E11EF43}" dt="2023-11-30T15:42:02.620" v="127" actId="20577"/>
          <ac:spMkLst>
            <pc:docMk/>
            <pc:sldMk cId="3035780936" sldId="271"/>
            <ac:spMk id="5" creationId="{8C2F15C8-4893-5703-E7FC-E8C0F7FE8EDB}"/>
          </ac:spMkLst>
        </pc:spChg>
        <pc:picChg chg="add del">
          <ac:chgData name="Nataly Echezuria" userId="016cf74e-e64d-40ef-b55b-1485ed1ed370" providerId="ADAL" clId="{CD3F13ED-CC92-43E4-B154-16080E11EF43}" dt="2023-11-30T15:47:51.936" v="201" actId="478"/>
          <ac:picMkLst>
            <pc:docMk/>
            <pc:sldMk cId="3035780936" sldId="271"/>
            <ac:picMk id="4" creationId="{8D6E86CF-7BF2-2E19-DF9F-AE1B20B73505}"/>
          </ac:picMkLst>
        </pc:picChg>
        <pc:picChg chg="add mod">
          <ac:chgData name="Nataly Echezuria" userId="016cf74e-e64d-40ef-b55b-1485ed1ed370" providerId="ADAL" clId="{CD3F13ED-CC92-43E4-B154-16080E11EF43}" dt="2023-11-30T17:15:57.885" v="401" actId="1076"/>
          <ac:picMkLst>
            <pc:docMk/>
            <pc:sldMk cId="3035780936" sldId="271"/>
            <ac:picMk id="4" creationId="{B69E8A99-20F6-65C5-4810-51822F73699E}"/>
          </ac:picMkLst>
        </pc:picChg>
        <pc:picChg chg="add del mod">
          <ac:chgData name="Nataly Echezuria" userId="016cf74e-e64d-40ef-b55b-1485ed1ed370" providerId="ADAL" clId="{CD3F13ED-CC92-43E4-B154-16080E11EF43}" dt="2023-11-30T16:12:30.090" v="321" actId="478"/>
          <ac:picMkLst>
            <pc:docMk/>
            <pc:sldMk cId="3035780936" sldId="271"/>
            <ac:picMk id="7" creationId="{89411DE0-4E7B-9C48-F0B8-ABECDEAAD533}"/>
          </ac:picMkLst>
        </pc:picChg>
        <pc:picChg chg="add del mod">
          <ac:chgData name="Nataly Echezuria" userId="016cf74e-e64d-40ef-b55b-1485ed1ed370" providerId="ADAL" clId="{CD3F13ED-CC92-43E4-B154-16080E11EF43}" dt="2023-11-30T17:15:43.348" v="397" actId="478"/>
          <ac:picMkLst>
            <pc:docMk/>
            <pc:sldMk cId="3035780936" sldId="271"/>
            <ac:picMk id="9" creationId="{46BF453C-7324-296D-1511-60C6988F7BDA}"/>
          </ac:picMkLst>
        </pc:picChg>
        <pc:picChg chg="del mod modVis">
          <ac:chgData name="Nataly Echezuria" userId="016cf74e-e64d-40ef-b55b-1485ed1ed370" providerId="ADAL" clId="{CD3F13ED-CC92-43E4-B154-16080E11EF43}" dt="2023-11-30T15:50:07.390" v="208" actId="478"/>
          <ac:picMkLst>
            <pc:docMk/>
            <pc:sldMk cId="3035780936" sldId="271"/>
            <ac:picMk id="15" creationId="{20459E7F-BF03-25E2-A812-9E3E2AB1C4C4}"/>
          </ac:picMkLst>
        </pc:picChg>
      </pc:sldChg>
      <pc:sldChg chg="addSp delSp modSp mod">
        <pc:chgData name="Nataly Echezuria" userId="016cf74e-e64d-40ef-b55b-1485ed1ed370" providerId="ADAL" clId="{CD3F13ED-CC92-43E4-B154-16080E11EF43}" dt="2023-12-01T09:46:46.294" v="426" actId="13244"/>
        <pc:sldMkLst>
          <pc:docMk/>
          <pc:sldMk cId="245014488" sldId="273"/>
        </pc:sldMkLst>
        <pc:spChg chg="del">
          <ac:chgData name="Nataly Echezuria" userId="016cf74e-e64d-40ef-b55b-1485ed1ed370" providerId="ADAL" clId="{CD3F13ED-CC92-43E4-B154-16080E11EF43}" dt="2023-11-30T16:05:09.740" v="296" actId="478"/>
          <ac:spMkLst>
            <pc:docMk/>
            <pc:sldMk cId="245014488" sldId="273"/>
            <ac:spMk id="5" creationId="{27994A38-BD77-946D-4942-357317E065E7}"/>
          </ac:spMkLst>
        </pc:spChg>
        <pc:spChg chg="del">
          <ac:chgData name="Nataly Echezuria" userId="016cf74e-e64d-40ef-b55b-1485ed1ed370" providerId="ADAL" clId="{CD3F13ED-CC92-43E4-B154-16080E11EF43}" dt="2023-11-30T15:37:28.848" v="34" actId="478"/>
          <ac:spMkLst>
            <pc:docMk/>
            <pc:sldMk cId="245014488" sldId="273"/>
            <ac:spMk id="7" creationId="{D7BE2099-2261-E5CD-4A0A-B35FD878B17C}"/>
          </ac:spMkLst>
        </pc:spChg>
        <pc:spChg chg="add del mod">
          <ac:chgData name="Nataly Echezuria" userId="016cf74e-e64d-40ef-b55b-1485ed1ed370" providerId="ADAL" clId="{CD3F13ED-CC92-43E4-B154-16080E11EF43}" dt="2023-11-30T15:40:04.303" v="79" actId="478"/>
          <ac:spMkLst>
            <pc:docMk/>
            <pc:sldMk cId="245014488" sldId="273"/>
            <ac:spMk id="10" creationId="{750768FC-4D52-C173-D3E7-BE7A0BA8750E}"/>
          </ac:spMkLst>
        </pc:spChg>
        <pc:spChg chg="add del mod">
          <ac:chgData name="Nataly Echezuria" userId="016cf74e-e64d-40ef-b55b-1485ed1ed370" providerId="ADAL" clId="{CD3F13ED-CC92-43E4-B154-16080E11EF43}" dt="2023-11-30T15:45:09.742" v="158" actId="478"/>
          <ac:spMkLst>
            <pc:docMk/>
            <pc:sldMk cId="245014488" sldId="273"/>
            <ac:spMk id="11" creationId="{CCCE9A3A-76C5-DF5A-C130-259754ACFC5E}"/>
          </ac:spMkLst>
        </pc:spChg>
        <pc:spChg chg="add mod">
          <ac:chgData name="Nataly Echezuria" userId="016cf74e-e64d-40ef-b55b-1485ed1ed370" providerId="ADAL" clId="{CD3F13ED-CC92-43E4-B154-16080E11EF43}" dt="2023-11-30T17:13:12.458" v="380" actId="20577"/>
          <ac:spMkLst>
            <pc:docMk/>
            <pc:sldMk cId="245014488" sldId="273"/>
            <ac:spMk id="13" creationId="{80DD1537-C023-F9B5-D2DB-4018078B50A5}"/>
          </ac:spMkLst>
        </pc:spChg>
        <pc:spChg chg="add del mod">
          <ac:chgData name="Nataly Echezuria" userId="016cf74e-e64d-40ef-b55b-1485ed1ed370" providerId="ADAL" clId="{CD3F13ED-CC92-43E4-B154-16080E11EF43}" dt="2023-11-30T15:45:23.276" v="162"/>
          <ac:spMkLst>
            <pc:docMk/>
            <pc:sldMk cId="245014488" sldId="273"/>
            <ac:spMk id="14" creationId="{42D98CFB-7079-DBE0-C412-B2AB70B2BB51}"/>
          </ac:spMkLst>
        </pc:spChg>
        <pc:spChg chg="add del mod">
          <ac:chgData name="Nataly Echezuria" userId="016cf74e-e64d-40ef-b55b-1485ed1ed370" providerId="ADAL" clId="{CD3F13ED-CC92-43E4-B154-16080E11EF43}" dt="2023-11-30T15:45:50.808" v="183" actId="478"/>
          <ac:spMkLst>
            <pc:docMk/>
            <pc:sldMk cId="245014488" sldId="273"/>
            <ac:spMk id="15" creationId="{EBCC61DF-1DC8-BE82-3B50-9008C255DB66}"/>
          </ac:spMkLst>
        </pc:spChg>
        <pc:spChg chg="add mod">
          <ac:chgData name="Nataly Echezuria" userId="016cf74e-e64d-40ef-b55b-1485ed1ed370" providerId="ADAL" clId="{CD3F13ED-CC92-43E4-B154-16080E11EF43}" dt="2023-11-30T15:46:06.308" v="186"/>
          <ac:spMkLst>
            <pc:docMk/>
            <pc:sldMk cId="245014488" sldId="273"/>
            <ac:spMk id="16" creationId="{07C902A9-9103-7969-CCAD-88221A12D727}"/>
          </ac:spMkLst>
        </pc:spChg>
        <pc:spChg chg="mod">
          <ac:chgData name="Nataly Echezuria" userId="016cf74e-e64d-40ef-b55b-1485ed1ed370" providerId="ADAL" clId="{CD3F13ED-CC92-43E4-B154-16080E11EF43}" dt="2023-11-30T15:46:11.521" v="187" actId="1076"/>
          <ac:spMkLst>
            <pc:docMk/>
            <pc:sldMk cId="245014488" sldId="273"/>
            <ac:spMk id="17" creationId="{7E242B1F-447C-C2FD-5776-51AA6272A986}"/>
          </ac:spMkLst>
        </pc:spChg>
        <pc:spChg chg="add del mod">
          <ac:chgData name="Nataly Echezuria" userId="016cf74e-e64d-40ef-b55b-1485ed1ed370" providerId="ADAL" clId="{CD3F13ED-CC92-43E4-B154-16080E11EF43}" dt="2023-11-30T16:05:43.099" v="302" actId="478"/>
          <ac:spMkLst>
            <pc:docMk/>
            <pc:sldMk cId="245014488" sldId="273"/>
            <ac:spMk id="18" creationId="{66AB4BEF-4020-38C5-996F-7AE1547714C5}"/>
          </ac:spMkLst>
        </pc:spChg>
        <pc:spChg chg="add mod ord">
          <ac:chgData name="Nataly Echezuria" userId="016cf74e-e64d-40ef-b55b-1485ed1ed370" providerId="ADAL" clId="{CD3F13ED-CC92-43E4-B154-16080E11EF43}" dt="2023-11-30T16:05:54.251" v="306" actId="13244"/>
          <ac:spMkLst>
            <pc:docMk/>
            <pc:sldMk cId="245014488" sldId="273"/>
            <ac:spMk id="19" creationId="{B64F73F2-7B13-A3DC-7BEC-70C2623EBF25}"/>
          </ac:spMkLst>
        </pc:spChg>
        <pc:spChg chg="add mod ord">
          <ac:chgData name="Nataly Echezuria" userId="016cf74e-e64d-40ef-b55b-1485ed1ed370" providerId="ADAL" clId="{CD3F13ED-CC92-43E4-B154-16080E11EF43}" dt="2023-11-30T16:06:14.210" v="313" actId="13244"/>
          <ac:spMkLst>
            <pc:docMk/>
            <pc:sldMk cId="245014488" sldId="273"/>
            <ac:spMk id="20" creationId="{FCC6A519-6155-F845-C6B6-5A88787A7D37}"/>
          </ac:spMkLst>
        </pc:spChg>
        <pc:spChg chg="add mod ord">
          <ac:chgData name="Nataly Echezuria" userId="016cf74e-e64d-40ef-b55b-1485ed1ed370" providerId="ADAL" clId="{CD3F13ED-CC92-43E4-B154-16080E11EF43}" dt="2023-11-30T16:06:15.651" v="314" actId="13244"/>
          <ac:spMkLst>
            <pc:docMk/>
            <pc:sldMk cId="245014488" sldId="273"/>
            <ac:spMk id="21" creationId="{2C9E56AD-2E0C-0A5B-FA37-14D0A98D3041}"/>
          </ac:spMkLst>
        </pc:spChg>
        <pc:spChg chg="del">
          <ac:chgData name="Nataly Echezuria" userId="016cf74e-e64d-40ef-b55b-1485ed1ed370" providerId="ADAL" clId="{CD3F13ED-CC92-43E4-B154-16080E11EF43}" dt="2023-11-30T15:39:53.041" v="75" actId="478"/>
          <ac:spMkLst>
            <pc:docMk/>
            <pc:sldMk cId="245014488" sldId="273"/>
            <ac:spMk id="31" creationId="{FD097587-D05D-4458-B1AF-E8ACBEFDA7DE}"/>
          </ac:spMkLst>
        </pc:spChg>
        <pc:spChg chg="del">
          <ac:chgData name="Nataly Echezuria" userId="016cf74e-e64d-40ef-b55b-1485ed1ed370" providerId="ADAL" clId="{CD3F13ED-CC92-43E4-B154-16080E11EF43}" dt="2023-11-30T16:05:08.752" v="295" actId="478"/>
          <ac:spMkLst>
            <pc:docMk/>
            <pc:sldMk cId="245014488" sldId="273"/>
            <ac:spMk id="60" creationId="{3F0D69FA-4445-43BE-B55D-CA5C1E4B9A13}"/>
          </ac:spMkLst>
        </pc:spChg>
        <pc:picChg chg="add mod ord">
          <ac:chgData name="Nataly Echezuria" userId="016cf74e-e64d-40ef-b55b-1485ed1ed370" providerId="ADAL" clId="{CD3F13ED-CC92-43E4-B154-16080E11EF43}" dt="2023-12-01T09:46:46.294" v="426" actId="13244"/>
          <ac:picMkLst>
            <pc:docMk/>
            <pc:sldMk cId="245014488" sldId="273"/>
            <ac:picMk id="2" creationId="{52E54D61-6F3F-E6B7-5F6F-590439554BC3}"/>
          </ac:picMkLst>
        </pc:picChg>
        <pc:picChg chg="del mod">
          <ac:chgData name="Nataly Echezuria" userId="016cf74e-e64d-40ef-b55b-1485ed1ed370" providerId="ADAL" clId="{CD3F13ED-CC92-43E4-B154-16080E11EF43}" dt="2023-11-30T15:44:55.094" v="154" actId="478"/>
          <ac:picMkLst>
            <pc:docMk/>
            <pc:sldMk cId="245014488" sldId="273"/>
            <ac:picMk id="3" creationId="{BC6CEEA5-F30F-35D3-9627-1FBEC72AE3F4}"/>
          </ac:picMkLst>
        </pc:picChg>
        <pc:picChg chg="add del mod ord replST">
          <ac:chgData name="Nataly Echezuria" userId="016cf74e-e64d-40ef-b55b-1485ed1ed370" providerId="ADAL" clId="{CD3F13ED-CC92-43E4-B154-16080E11EF43}" dt="2023-11-30T15:38:45.489" v="51" actId="478"/>
          <ac:picMkLst>
            <pc:docMk/>
            <pc:sldMk cId="245014488" sldId="273"/>
            <ac:picMk id="4" creationId="{93BE0826-39AC-4B98-855E-83BAD680D690}"/>
          </ac:picMkLst>
        </pc:picChg>
        <pc:picChg chg="add del mod ord replST modCrop">
          <ac:chgData name="Nataly Echezuria" userId="016cf74e-e64d-40ef-b55b-1485ed1ed370" providerId="ADAL" clId="{CD3F13ED-CC92-43E4-B154-16080E11EF43}" dt="2023-12-01T09:46:39.597" v="422" actId="478"/>
          <ac:picMkLst>
            <pc:docMk/>
            <pc:sldMk cId="245014488" sldId="273"/>
            <ac:picMk id="8" creationId="{E1E9780C-8B85-BC15-7652-BC0D108FEAC1}"/>
          </ac:picMkLst>
        </pc:picChg>
        <pc:picChg chg="add del mod">
          <ac:chgData name="Nataly Echezuria" userId="016cf74e-e64d-40ef-b55b-1485ed1ed370" providerId="ADAL" clId="{CD3F13ED-CC92-43E4-B154-16080E11EF43}" dt="2023-11-30T16:05:10.984" v="297" actId="478"/>
          <ac:picMkLst>
            <pc:docMk/>
            <pc:sldMk cId="245014488" sldId="273"/>
            <ac:picMk id="12" creationId="{FB2B59C1-FC30-8937-BC5C-5F93D900B656}"/>
          </ac:picMkLst>
        </pc:picChg>
        <pc:picChg chg="add mod">
          <ac:chgData name="Nataly Echezuria" userId="016cf74e-e64d-40ef-b55b-1485ed1ed370" providerId="ADAL" clId="{CD3F13ED-CC92-43E4-B154-16080E11EF43}" dt="2023-11-30T16:06:34.957" v="316"/>
          <ac:picMkLst>
            <pc:docMk/>
            <pc:sldMk cId="245014488" sldId="273"/>
            <ac:picMk id="22" creationId="{668E1159-A479-F3ED-1E3F-029FC79C3102}"/>
          </ac:picMkLst>
        </pc:picChg>
        <pc:picChg chg="add mod">
          <ac:chgData name="Nataly Echezuria" userId="016cf74e-e64d-40ef-b55b-1485ed1ed370" providerId="ADAL" clId="{CD3F13ED-CC92-43E4-B154-16080E11EF43}" dt="2023-11-30T16:17:42.242" v="342"/>
          <ac:picMkLst>
            <pc:docMk/>
            <pc:sldMk cId="245014488" sldId="273"/>
            <ac:picMk id="23" creationId="{59BEF4E6-ADBE-0380-035C-60B0498BB383}"/>
          </ac:picMkLst>
        </pc:picChg>
      </pc:sldChg>
      <pc:sldChg chg="addSp delSp modSp mod">
        <pc:chgData name="Nataly Echezuria" userId="016cf74e-e64d-40ef-b55b-1485ed1ed370" providerId="ADAL" clId="{CD3F13ED-CC92-43E4-B154-16080E11EF43}" dt="2023-12-01T09:46:34.927" v="421" actId="13244"/>
        <pc:sldMkLst>
          <pc:docMk/>
          <pc:sldMk cId="789460267" sldId="274"/>
        </pc:sldMkLst>
        <pc:spChg chg="del">
          <ac:chgData name="Nataly Echezuria" userId="016cf74e-e64d-40ef-b55b-1485ed1ed370" providerId="ADAL" clId="{CD3F13ED-CC92-43E4-B154-16080E11EF43}" dt="2023-11-30T15:44:13.246" v="145" actId="478"/>
          <ac:spMkLst>
            <pc:docMk/>
            <pc:sldMk cId="789460267" sldId="274"/>
            <ac:spMk id="2" creationId="{17B0F6D3-55B8-5473-8A0D-A80E1A8A9870}"/>
          </ac:spMkLst>
        </pc:spChg>
        <pc:spChg chg="mod">
          <ac:chgData name="Nataly Echezuria" userId="016cf74e-e64d-40ef-b55b-1485ed1ed370" providerId="ADAL" clId="{CD3F13ED-CC92-43E4-B154-16080E11EF43}" dt="2023-11-30T17:14:22.212" v="381"/>
          <ac:spMkLst>
            <pc:docMk/>
            <pc:sldMk cId="789460267" sldId="274"/>
            <ac:spMk id="3" creationId="{910E0215-7C4A-0FE8-7838-49AE009A31B0}"/>
          </ac:spMkLst>
        </pc:spChg>
        <pc:spChg chg="add del mod">
          <ac:chgData name="Nataly Echezuria" userId="016cf74e-e64d-40ef-b55b-1485ed1ed370" providerId="ADAL" clId="{CD3F13ED-CC92-43E4-B154-16080E11EF43}" dt="2023-11-30T15:46:03.561" v="184" actId="478"/>
          <ac:spMkLst>
            <pc:docMk/>
            <pc:sldMk cId="789460267" sldId="274"/>
            <ac:spMk id="3" creationId="{FD413037-AF55-1F1A-CB31-F0DBDC7B8C1A}"/>
          </ac:spMkLst>
        </pc:spChg>
        <pc:spChg chg="mod">
          <ac:chgData name="Nataly Echezuria" userId="016cf74e-e64d-40ef-b55b-1485ed1ed370" providerId="ADAL" clId="{CD3F13ED-CC92-43E4-B154-16080E11EF43}" dt="2023-11-30T17:14:22.212" v="381"/>
          <ac:spMkLst>
            <pc:docMk/>
            <pc:sldMk cId="789460267" sldId="274"/>
            <ac:spMk id="4" creationId="{A46CA251-2D1E-7171-3519-51298816F9BA}"/>
          </ac:spMkLst>
        </pc:spChg>
        <pc:spChg chg="del">
          <ac:chgData name="Nataly Echezuria" userId="016cf74e-e64d-40ef-b55b-1485ed1ed370" providerId="ADAL" clId="{CD3F13ED-CC92-43E4-B154-16080E11EF43}" dt="2023-11-30T15:44:12.225" v="144" actId="478"/>
          <ac:spMkLst>
            <pc:docMk/>
            <pc:sldMk cId="789460267" sldId="274"/>
            <ac:spMk id="4" creationId="{F3B60118-010F-4D65-56AC-7E41D2744538}"/>
          </ac:spMkLst>
        </pc:spChg>
        <pc:spChg chg="mod">
          <ac:chgData name="Nataly Echezuria" userId="016cf74e-e64d-40ef-b55b-1485ed1ed370" providerId="ADAL" clId="{CD3F13ED-CC92-43E4-B154-16080E11EF43}" dt="2023-11-30T17:14:22.212" v="381"/>
          <ac:spMkLst>
            <pc:docMk/>
            <pc:sldMk cId="789460267" sldId="274"/>
            <ac:spMk id="6" creationId="{B4D5BA53-E151-71B8-2428-E9F2994FA985}"/>
          </ac:spMkLst>
        </pc:spChg>
        <pc:spChg chg="add del mod">
          <ac:chgData name="Nataly Echezuria" userId="016cf74e-e64d-40ef-b55b-1485ed1ed370" providerId="ADAL" clId="{CD3F13ED-CC92-43E4-B154-16080E11EF43}" dt="2023-11-30T17:16:01.880" v="403" actId="478"/>
          <ac:spMkLst>
            <pc:docMk/>
            <pc:sldMk cId="789460267" sldId="274"/>
            <ac:spMk id="9" creationId="{9ECF6573-383D-A4CC-E1D3-361A887449B1}"/>
          </ac:spMkLst>
        </pc:spChg>
        <pc:spChg chg="del mod">
          <ac:chgData name="Nataly Echezuria" userId="016cf74e-e64d-40ef-b55b-1485ed1ed370" providerId="ADAL" clId="{CD3F13ED-CC92-43E4-B154-16080E11EF43}" dt="2023-11-30T15:44:11.278" v="143" actId="478"/>
          <ac:spMkLst>
            <pc:docMk/>
            <pc:sldMk cId="789460267" sldId="274"/>
            <ac:spMk id="9" creationId="{FED2D604-3497-CEAF-DB8B-9CB3C3DB2A04}"/>
          </ac:spMkLst>
        </pc:spChg>
        <pc:spChg chg="del mod">
          <ac:chgData name="Nataly Echezuria" userId="016cf74e-e64d-40ef-b55b-1485ed1ed370" providerId="ADAL" clId="{CD3F13ED-CC92-43E4-B154-16080E11EF43}" dt="2023-11-30T15:45:04.223" v="156" actId="478"/>
          <ac:spMkLst>
            <pc:docMk/>
            <pc:sldMk cId="789460267" sldId="274"/>
            <ac:spMk id="10" creationId="{692EB162-24E3-63FE-FC37-116A8C09E27A}"/>
          </ac:spMkLst>
        </pc:spChg>
        <pc:spChg chg="add del mod ord">
          <ac:chgData name="Nataly Echezuria" userId="016cf74e-e64d-40ef-b55b-1485ed1ed370" providerId="ADAL" clId="{CD3F13ED-CC92-43E4-B154-16080E11EF43}" dt="2023-11-30T15:59:26.049" v="267" actId="478"/>
          <ac:spMkLst>
            <pc:docMk/>
            <pc:sldMk cId="789460267" sldId="274"/>
            <ac:spMk id="17" creationId="{36FA95EB-1A98-B1D0-9872-D9C3AF97B095}"/>
          </ac:spMkLst>
        </pc:spChg>
        <pc:spChg chg="add del mod ord">
          <ac:chgData name="Nataly Echezuria" userId="016cf74e-e64d-40ef-b55b-1485ed1ed370" providerId="ADAL" clId="{CD3F13ED-CC92-43E4-B154-16080E11EF43}" dt="2023-11-30T15:59:25.029" v="266" actId="478"/>
          <ac:spMkLst>
            <pc:docMk/>
            <pc:sldMk cId="789460267" sldId="274"/>
            <ac:spMk id="18" creationId="{104B9123-CA81-F4C1-3863-AC96CFC45C10}"/>
          </ac:spMkLst>
        </pc:spChg>
        <pc:spChg chg="add del mod">
          <ac:chgData name="Nataly Echezuria" userId="016cf74e-e64d-40ef-b55b-1485ed1ed370" providerId="ADAL" clId="{CD3F13ED-CC92-43E4-B154-16080E11EF43}" dt="2023-11-30T15:59:39.654" v="269" actId="478"/>
          <ac:spMkLst>
            <pc:docMk/>
            <pc:sldMk cId="789460267" sldId="274"/>
            <ac:spMk id="20" creationId="{60486745-D1BB-F5A6-2839-AAFC83C18147}"/>
          </ac:spMkLst>
        </pc:spChg>
        <pc:spChg chg="add del mod">
          <ac:chgData name="Nataly Echezuria" userId="016cf74e-e64d-40ef-b55b-1485ed1ed370" providerId="ADAL" clId="{CD3F13ED-CC92-43E4-B154-16080E11EF43}" dt="2023-11-30T15:59:37.901" v="268" actId="478"/>
          <ac:spMkLst>
            <pc:docMk/>
            <pc:sldMk cId="789460267" sldId="274"/>
            <ac:spMk id="21" creationId="{C6544AAE-1F00-34B5-C9CE-F70E3C5550B9}"/>
          </ac:spMkLst>
        </pc:spChg>
        <pc:spChg chg="add mod">
          <ac:chgData name="Nataly Echezuria" userId="016cf74e-e64d-40ef-b55b-1485ed1ed370" providerId="ADAL" clId="{CD3F13ED-CC92-43E4-B154-16080E11EF43}" dt="2023-11-30T15:56:30.109" v="210" actId="164"/>
          <ac:spMkLst>
            <pc:docMk/>
            <pc:sldMk cId="789460267" sldId="274"/>
            <ac:spMk id="22" creationId="{6A943277-D81C-7E69-023C-971AC3DA6F1B}"/>
          </ac:spMkLst>
        </pc:spChg>
        <pc:spChg chg="add mod ord">
          <ac:chgData name="Nataly Echezuria" userId="016cf74e-e64d-40ef-b55b-1485ed1ed370" providerId="ADAL" clId="{CD3F13ED-CC92-43E4-B154-16080E11EF43}" dt="2023-11-30T16:00:21.221" v="280" actId="13244"/>
          <ac:spMkLst>
            <pc:docMk/>
            <pc:sldMk cId="789460267" sldId="274"/>
            <ac:spMk id="24" creationId="{366FB2E1-5E49-085D-7279-B0062D39D898}"/>
          </ac:spMkLst>
        </pc:spChg>
        <pc:spChg chg="add mod ord">
          <ac:chgData name="Nataly Echezuria" userId="016cf74e-e64d-40ef-b55b-1485ed1ed370" providerId="ADAL" clId="{CD3F13ED-CC92-43E4-B154-16080E11EF43}" dt="2023-11-30T16:00:22.701" v="281" actId="13244"/>
          <ac:spMkLst>
            <pc:docMk/>
            <pc:sldMk cId="789460267" sldId="274"/>
            <ac:spMk id="25" creationId="{EB13819F-B49E-D35D-0D0C-BC851B9E8ACC}"/>
          </ac:spMkLst>
        </pc:spChg>
        <pc:spChg chg="add mod ord">
          <ac:chgData name="Nataly Echezuria" userId="016cf74e-e64d-40ef-b55b-1485ed1ed370" providerId="ADAL" clId="{CD3F13ED-CC92-43E4-B154-16080E11EF43}" dt="2023-11-30T16:00:24.414" v="282" actId="13244"/>
          <ac:spMkLst>
            <pc:docMk/>
            <pc:sldMk cId="789460267" sldId="274"/>
            <ac:spMk id="26" creationId="{0C66D4ED-97EC-DF3F-0205-E6F256E31683}"/>
          </ac:spMkLst>
        </pc:spChg>
        <pc:spChg chg="add del mod">
          <ac:chgData name="Nataly Echezuria" userId="016cf74e-e64d-40ef-b55b-1485ed1ed370" providerId="ADAL" clId="{CD3F13ED-CC92-43E4-B154-16080E11EF43}" dt="2023-11-30T16:00:52.062" v="286"/>
          <ac:spMkLst>
            <pc:docMk/>
            <pc:sldMk cId="789460267" sldId="274"/>
            <ac:spMk id="27" creationId="{1B5954DE-B319-FD80-CD6F-31F110CB7C26}"/>
          </ac:spMkLst>
        </pc:spChg>
        <pc:spChg chg="add mod">
          <ac:chgData name="Nataly Echezuria" userId="016cf74e-e64d-40ef-b55b-1485ed1ed370" providerId="ADAL" clId="{CD3F13ED-CC92-43E4-B154-16080E11EF43}" dt="2023-11-30T17:13:00.904" v="371" actId="20577"/>
          <ac:spMkLst>
            <pc:docMk/>
            <pc:sldMk cId="789460267" sldId="274"/>
            <ac:spMk id="30" creationId="{1FCC11C5-30B0-29D7-2555-EE00887DAECF}"/>
          </ac:spMkLst>
        </pc:spChg>
        <pc:grpChg chg="add del mod ord">
          <ac:chgData name="Nataly Echezuria" userId="016cf74e-e64d-40ef-b55b-1485ed1ed370" providerId="ADAL" clId="{CD3F13ED-CC92-43E4-B154-16080E11EF43}" dt="2023-11-30T17:16:01.199" v="402" actId="478"/>
          <ac:grpSpMkLst>
            <pc:docMk/>
            <pc:sldMk cId="789460267" sldId="274"/>
            <ac:grpSpMk id="2" creationId="{926F3D04-2BBC-13A7-76E9-FA8D593393A1}"/>
          </ac:grpSpMkLst>
        </pc:grpChg>
        <pc:grpChg chg="mod ord">
          <ac:chgData name="Nataly Echezuria" userId="016cf74e-e64d-40ef-b55b-1485ed1ed370" providerId="ADAL" clId="{CD3F13ED-CC92-43E4-B154-16080E11EF43}" dt="2023-11-30T15:56:30.109" v="210" actId="164"/>
          <ac:grpSpMkLst>
            <pc:docMk/>
            <pc:sldMk cId="789460267" sldId="274"/>
            <ac:grpSpMk id="12" creationId="{AF730379-4C7B-D93E-CA59-B489C6659C04}"/>
          </ac:grpSpMkLst>
        </pc:grpChg>
        <pc:grpChg chg="add del mod">
          <ac:chgData name="Nataly Echezuria" userId="016cf74e-e64d-40ef-b55b-1485ed1ed370" providerId="ADAL" clId="{CD3F13ED-CC92-43E4-B154-16080E11EF43}" dt="2023-11-30T16:20:39.654" v="343" actId="478"/>
          <ac:grpSpMkLst>
            <pc:docMk/>
            <pc:sldMk cId="789460267" sldId="274"/>
            <ac:grpSpMk id="23" creationId="{69D1F4DE-93F7-85DB-1BB5-987ED7DB2215}"/>
          </ac:grpSpMkLst>
        </pc:grpChg>
        <pc:picChg chg="add mod ord">
          <ac:chgData name="Nataly Echezuria" userId="016cf74e-e64d-40ef-b55b-1485ed1ed370" providerId="ADAL" clId="{CD3F13ED-CC92-43E4-B154-16080E11EF43}" dt="2023-12-01T09:46:34.927" v="421" actId="13244"/>
          <ac:picMkLst>
            <pc:docMk/>
            <pc:sldMk cId="789460267" sldId="274"/>
            <ac:picMk id="2" creationId="{C4A91859-DAEA-4C22-1362-9EBAC0365C4B}"/>
          </ac:picMkLst>
        </pc:picChg>
        <pc:picChg chg="del mod">
          <ac:chgData name="Nataly Echezuria" userId="016cf74e-e64d-40ef-b55b-1485ed1ed370" providerId="ADAL" clId="{CD3F13ED-CC92-43E4-B154-16080E11EF43}" dt="2023-11-30T15:44:52.026" v="152" actId="478"/>
          <ac:picMkLst>
            <pc:docMk/>
            <pc:sldMk cId="789460267" sldId="274"/>
            <ac:picMk id="6" creationId="{BC6CEEA5-F30F-35D3-9627-1FBEC72AE3F4}"/>
          </ac:picMkLst>
        </pc:picChg>
        <pc:picChg chg="add del mod ord">
          <ac:chgData name="Nataly Echezuria" userId="016cf74e-e64d-40ef-b55b-1485ed1ed370" providerId="ADAL" clId="{CD3F13ED-CC92-43E4-B154-16080E11EF43}" dt="2023-12-01T09:46:27.377" v="417" actId="478"/>
          <ac:picMkLst>
            <pc:docMk/>
            <pc:sldMk cId="789460267" sldId="274"/>
            <ac:picMk id="16" creationId="{13E95118-0ECF-C190-7932-31CD9F752E4D}"/>
          </ac:picMkLst>
        </pc:picChg>
        <pc:picChg chg="add del mod">
          <ac:chgData name="Nataly Echezuria" userId="016cf74e-e64d-40ef-b55b-1485ed1ed370" providerId="ADAL" clId="{CD3F13ED-CC92-43E4-B154-16080E11EF43}" dt="2023-11-30T15:59:41.363" v="270" actId="478"/>
          <ac:picMkLst>
            <pc:docMk/>
            <pc:sldMk cId="789460267" sldId="274"/>
            <ac:picMk id="19" creationId="{3EF02796-23D7-CD90-3719-85D5B3704C45}"/>
          </ac:picMkLst>
        </pc:picChg>
        <pc:picChg chg="add del mod">
          <ac:chgData name="Nataly Echezuria" userId="016cf74e-e64d-40ef-b55b-1485ed1ed370" providerId="ADAL" clId="{CD3F13ED-CC92-43E4-B154-16080E11EF43}" dt="2023-11-30T16:00:52.062" v="286"/>
          <ac:picMkLst>
            <pc:docMk/>
            <pc:sldMk cId="789460267" sldId="274"/>
            <ac:picMk id="28" creationId="{5847D1FB-758E-973E-F7BE-C3F2D2CCF55B}"/>
          </ac:picMkLst>
        </pc:picChg>
        <pc:picChg chg="add mod">
          <ac:chgData name="Nataly Echezuria" userId="016cf74e-e64d-40ef-b55b-1485ed1ed370" providerId="ADAL" clId="{CD3F13ED-CC92-43E4-B154-16080E11EF43}" dt="2023-11-30T16:00:55.705" v="287"/>
          <ac:picMkLst>
            <pc:docMk/>
            <pc:sldMk cId="789460267" sldId="274"/>
            <ac:picMk id="29" creationId="{5249BA4B-57EE-D74A-A7F7-6DF200E5B230}"/>
          </ac:picMkLst>
        </pc:picChg>
        <pc:picChg chg="add del mod">
          <ac:chgData name="Nataly Echezuria" userId="016cf74e-e64d-40ef-b55b-1485ed1ed370" providerId="ADAL" clId="{CD3F13ED-CC92-43E4-B154-16080E11EF43}" dt="2023-11-30T16:17:23.600" v="337" actId="478"/>
          <ac:picMkLst>
            <pc:docMk/>
            <pc:sldMk cId="789460267" sldId="274"/>
            <ac:picMk id="31" creationId="{8A5866F0-7F6C-C8E3-2E3B-9A5A7ABA5EEB}"/>
          </ac:picMkLst>
        </pc:picChg>
        <pc:picChg chg="add del mod ord">
          <ac:chgData name="Nataly Echezuria" userId="016cf74e-e64d-40ef-b55b-1485ed1ed370" providerId="ADAL" clId="{CD3F13ED-CC92-43E4-B154-16080E11EF43}" dt="2023-11-30T16:17:39.961" v="341"/>
          <ac:picMkLst>
            <pc:docMk/>
            <pc:sldMk cId="789460267" sldId="274"/>
            <ac:picMk id="32" creationId="{1E3B20E0-924B-381D-3500-1A891D7F1E7B}"/>
          </ac:picMkLst>
        </pc:picChg>
      </pc:sldChg>
      <pc:sldChg chg="addSp delSp modSp add del mod ord">
        <pc:chgData name="Nataly Echezuria" userId="016cf74e-e64d-40ef-b55b-1485ed1ed370" providerId="ADAL" clId="{CD3F13ED-CC92-43E4-B154-16080E11EF43}" dt="2023-11-30T16:00:40.515" v="284" actId="47"/>
        <pc:sldMkLst>
          <pc:docMk/>
          <pc:sldMk cId="1298848710" sldId="275"/>
        </pc:sldMkLst>
        <pc:spChg chg="add del mod">
          <ac:chgData name="Nataly Echezuria" userId="016cf74e-e64d-40ef-b55b-1485ed1ed370" providerId="ADAL" clId="{CD3F13ED-CC92-43E4-B154-16080E11EF43}" dt="2023-11-30T15:59:03.182" v="264" actId="478"/>
          <ac:spMkLst>
            <pc:docMk/>
            <pc:sldMk cId="1298848710" sldId="275"/>
            <ac:spMk id="3" creationId="{230D6FB0-949A-A5D5-9E91-8509674432B5}"/>
          </ac:spMkLst>
        </pc:spChg>
        <pc:spChg chg="del">
          <ac:chgData name="Nataly Echezuria" userId="016cf74e-e64d-40ef-b55b-1485ed1ed370" providerId="ADAL" clId="{CD3F13ED-CC92-43E4-B154-16080E11EF43}" dt="2023-11-30T15:58:59.887" v="263" actId="478"/>
          <ac:spMkLst>
            <pc:docMk/>
            <pc:sldMk cId="1298848710" sldId="275"/>
            <ac:spMk id="16" creationId="{A8B114A4-2918-EB2B-8534-67CCE7C155A4}"/>
          </ac:spMkLst>
        </pc:spChg>
      </pc:sldChg>
    </pc:docChg>
  </pc:docChgLst>
  <pc:docChgLst>
    <pc:chgData name="Christine Murphy" userId="S::murphyc@iata.org::36975e2f-8164-45eb-98b1-6e56392de35a" providerId="AD" clId="Web-{6BFFF5F5-DF7D-298B-E477-2907BF0FD76B}"/>
    <pc:docChg chg="addSld modSld">
      <pc:chgData name="Christine Murphy" userId="S::murphyc@iata.org::36975e2f-8164-45eb-98b1-6e56392de35a" providerId="AD" clId="Web-{6BFFF5F5-DF7D-298B-E477-2907BF0FD76B}" dt="2023-06-20T10:04:15.392" v="46"/>
      <pc:docMkLst>
        <pc:docMk/>
      </pc:docMkLst>
      <pc:sldChg chg="addSp delSp modSp">
        <pc:chgData name="Christine Murphy" userId="S::murphyc@iata.org::36975e2f-8164-45eb-98b1-6e56392de35a" providerId="AD" clId="Web-{6BFFF5F5-DF7D-298B-E477-2907BF0FD76B}" dt="2023-06-20T09:54:18.838" v="2"/>
        <pc:sldMkLst>
          <pc:docMk/>
          <pc:sldMk cId="2748576720" sldId="257"/>
        </pc:sldMkLst>
        <pc:spChg chg="del ord">
          <ac:chgData name="Christine Murphy" userId="S::murphyc@iata.org::36975e2f-8164-45eb-98b1-6e56392de35a" providerId="AD" clId="Web-{6BFFF5F5-DF7D-298B-E477-2907BF0FD76B}" dt="2023-06-20T09:54:16.556" v="1"/>
          <ac:spMkLst>
            <pc:docMk/>
            <pc:sldMk cId="2748576720" sldId="257"/>
            <ac:spMk id="7" creationId="{BF77A57C-E6E8-0F37-CD6E-E598D11432F8}"/>
          </ac:spMkLst>
        </pc:spChg>
        <pc:picChg chg="add mod ord">
          <ac:chgData name="Christine Murphy" userId="S::murphyc@iata.org::36975e2f-8164-45eb-98b1-6e56392de35a" providerId="AD" clId="Web-{6BFFF5F5-DF7D-298B-E477-2907BF0FD76B}" dt="2023-06-20T09:54:18.838" v="2"/>
          <ac:picMkLst>
            <pc:docMk/>
            <pc:sldMk cId="2748576720" sldId="257"/>
            <ac:picMk id="2" creationId="{39285FAB-F1D1-7015-52E2-3D3924A2ABBA}"/>
          </ac:picMkLst>
        </pc:picChg>
      </pc:sldChg>
      <pc:sldChg chg="addSp delSp modSp">
        <pc:chgData name="Christine Murphy" userId="S::murphyc@iata.org::36975e2f-8164-45eb-98b1-6e56392de35a" providerId="AD" clId="Web-{6BFFF5F5-DF7D-298B-E477-2907BF0FD76B}" dt="2023-06-20T09:55:27.028" v="11"/>
        <pc:sldMkLst>
          <pc:docMk/>
          <pc:sldMk cId="2041794120" sldId="263"/>
        </pc:sldMkLst>
        <pc:picChg chg="add del mod">
          <ac:chgData name="Christine Murphy" userId="S::murphyc@iata.org::36975e2f-8164-45eb-98b1-6e56392de35a" providerId="AD" clId="Web-{6BFFF5F5-DF7D-298B-E477-2907BF0FD76B}" dt="2023-06-20T09:55:27.028" v="11"/>
          <ac:picMkLst>
            <pc:docMk/>
            <pc:sldMk cId="2041794120" sldId="263"/>
            <ac:picMk id="3" creationId="{5FF0246C-817B-F313-ABFF-6DED2A250F6F}"/>
          </ac:picMkLst>
        </pc:picChg>
      </pc:sldChg>
      <pc:sldChg chg="addSp delSp modSp">
        <pc:chgData name="Christine Murphy" userId="S::murphyc@iata.org::36975e2f-8164-45eb-98b1-6e56392de35a" providerId="AD" clId="Web-{6BFFF5F5-DF7D-298B-E477-2907BF0FD76B}" dt="2023-06-20T09:57:33.830" v="21"/>
        <pc:sldMkLst>
          <pc:docMk/>
          <pc:sldMk cId="4276101519" sldId="268"/>
        </pc:sldMkLst>
        <pc:spChg chg="add del ord">
          <ac:chgData name="Christine Murphy" userId="S::murphyc@iata.org::36975e2f-8164-45eb-98b1-6e56392de35a" providerId="AD" clId="Web-{6BFFF5F5-DF7D-298B-E477-2907BF0FD76B}" dt="2023-06-20T09:57:31.861" v="20"/>
          <ac:spMkLst>
            <pc:docMk/>
            <pc:sldMk cId="4276101519" sldId="268"/>
            <ac:spMk id="9" creationId="{F561C7CE-0140-1F2D-BD87-648D33FDED8E}"/>
          </ac:spMkLst>
        </pc:spChg>
        <pc:spChg chg="mod ord">
          <ac:chgData name="Christine Murphy" userId="S::murphyc@iata.org::36975e2f-8164-45eb-98b1-6e56392de35a" providerId="AD" clId="Web-{6BFFF5F5-DF7D-298B-E477-2907BF0FD76B}" dt="2023-06-20T09:57:33.830" v="21"/>
          <ac:spMkLst>
            <pc:docMk/>
            <pc:sldMk cId="4276101519" sldId="268"/>
            <ac:spMk id="14" creationId="{711B2570-9ED1-55F6-1F4C-E5CFA54EA22E}"/>
          </ac:spMkLst>
        </pc:spChg>
        <pc:picChg chg="add del mod ord">
          <ac:chgData name="Christine Murphy" userId="S::murphyc@iata.org::36975e2f-8164-45eb-98b1-6e56392de35a" providerId="AD" clId="Web-{6BFFF5F5-DF7D-298B-E477-2907BF0FD76B}" dt="2023-06-20T09:54:48.136" v="4"/>
          <ac:picMkLst>
            <pc:docMk/>
            <pc:sldMk cId="4276101519" sldId="268"/>
            <ac:picMk id="2" creationId="{628F2495-D611-88F6-5C6F-803B708B248C}"/>
          </ac:picMkLst>
        </pc:picChg>
        <pc:picChg chg="add del mod ord">
          <ac:chgData name="Christine Murphy" userId="S::murphyc@iata.org::36975e2f-8164-45eb-98b1-6e56392de35a" providerId="AD" clId="Web-{6BFFF5F5-DF7D-298B-E477-2907BF0FD76B}" dt="2023-06-20T09:55:00.495" v="6"/>
          <ac:picMkLst>
            <pc:docMk/>
            <pc:sldMk cId="4276101519" sldId="268"/>
            <ac:picMk id="3" creationId="{9CB404D7-6F41-E6D0-41FF-0101D37870D8}"/>
          </ac:picMkLst>
        </pc:picChg>
        <pc:picChg chg="add del mod ord">
          <ac:chgData name="Christine Murphy" userId="S::murphyc@iata.org::36975e2f-8164-45eb-98b1-6e56392de35a" providerId="AD" clId="Web-{6BFFF5F5-DF7D-298B-E477-2907BF0FD76B}" dt="2023-06-20T09:55:17.246" v="8"/>
          <ac:picMkLst>
            <pc:docMk/>
            <pc:sldMk cId="4276101519" sldId="268"/>
            <ac:picMk id="4" creationId="{1E187E4E-5534-AB86-DC7F-FE8A3290490F}"/>
          </ac:picMkLst>
        </pc:picChg>
        <pc:picChg chg="add del mod ord">
          <ac:chgData name="Christine Murphy" userId="S::murphyc@iata.org::36975e2f-8164-45eb-98b1-6e56392de35a" providerId="AD" clId="Web-{6BFFF5F5-DF7D-298B-E477-2907BF0FD76B}" dt="2023-06-20T09:56:11.342" v="13"/>
          <ac:picMkLst>
            <pc:docMk/>
            <pc:sldMk cId="4276101519" sldId="268"/>
            <ac:picMk id="11" creationId="{4816C493-CB67-73DF-A507-1EE6DCB58775}"/>
          </ac:picMkLst>
        </pc:picChg>
        <pc:picChg chg="add del mod ord">
          <ac:chgData name="Christine Murphy" userId="S::murphyc@iata.org::36975e2f-8164-45eb-98b1-6e56392de35a" providerId="AD" clId="Web-{6BFFF5F5-DF7D-298B-E477-2907BF0FD76B}" dt="2023-06-20T09:57:31.861" v="20"/>
          <ac:picMkLst>
            <pc:docMk/>
            <pc:sldMk cId="4276101519" sldId="268"/>
            <ac:picMk id="15" creationId="{9AB80D35-2C75-DCAB-E710-BA18172C10AA}"/>
          </ac:picMkLst>
        </pc:picChg>
      </pc:sldChg>
      <pc:sldChg chg="addSp delSp modSp">
        <pc:chgData name="Christine Murphy" userId="S::murphyc@iata.org::36975e2f-8164-45eb-98b1-6e56392de35a" providerId="AD" clId="Web-{6BFFF5F5-DF7D-298B-E477-2907BF0FD76B}" dt="2023-06-20T09:56:32.812" v="16"/>
        <pc:sldMkLst>
          <pc:docMk/>
          <pc:sldMk cId="245014488" sldId="273"/>
        </pc:sldMkLst>
        <pc:spChg chg="del ord">
          <ac:chgData name="Christine Murphy" userId="S::murphyc@iata.org::36975e2f-8164-45eb-98b1-6e56392de35a" providerId="AD" clId="Web-{6BFFF5F5-DF7D-298B-E477-2907BF0FD76B}" dt="2023-06-20T09:56:29.358" v="15"/>
          <ac:spMkLst>
            <pc:docMk/>
            <pc:sldMk cId="245014488" sldId="273"/>
            <ac:spMk id="7" creationId="{BF77A57C-E6E8-0F37-CD6E-E598D11432F8}"/>
          </ac:spMkLst>
        </pc:spChg>
        <pc:picChg chg="add mod ord">
          <ac:chgData name="Christine Murphy" userId="S::murphyc@iata.org::36975e2f-8164-45eb-98b1-6e56392de35a" providerId="AD" clId="Web-{6BFFF5F5-DF7D-298B-E477-2907BF0FD76B}" dt="2023-06-20T09:56:32.812" v="16"/>
          <ac:picMkLst>
            <pc:docMk/>
            <pc:sldMk cId="245014488" sldId="273"/>
            <ac:picMk id="2" creationId="{0E036B6D-F5ED-09C7-333C-BB427AFCF146}"/>
          </ac:picMkLst>
        </pc:picChg>
      </pc:sldChg>
      <pc:sldChg chg="addSp delSp modSp add replId">
        <pc:chgData name="Christine Murphy" userId="S::murphyc@iata.org::36975e2f-8164-45eb-98b1-6e56392de35a" providerId="AD" clId="Web-{6BFFF5F5-DF7D-298B-E477-2907BF0FD76B}" dt="2023-06-20T10:04:15.392" v="46"/>
        <pc:sldMkLst>
          <pc:docMk/>
          <pc:sldMk cId="789460267" sldId="274"/>
        </pc:sldMkLst>
        <pc:spChg chg="del">
          <ac:chgData name="Christine Murphy" userId="S::murphyc@iata.org::36975e2f-8164-45eb-98b1-6e56392de35a" providerId="AD" clId="Web-{6BFFF5F5-DF7D-298B-E477-2907BF0FD76B}" dt="2023-06-20T10:01:35.730" v="26"/>
          <ac:spMkLst>
            <pc:docMk/>
            <pc:sldMk cId="789460267" sldId="274"/>
            <ac:spMk id="9" creationId="{F561C7CE-0140-1F2D-BD87-648D33FDED8E}"/>
          </ac:spMkLst>
        </pc:spChg>
        <pc:spChg chg="del">
          <ac:chgData name="Christine Murphy" userId="S::murphyc@iata.org::36975e2f-8164-45eb-98b1-6e56392de35a" providerId="AD" clId="Web-{6BFFF5F5-DF7D-298B-E477-2907BF0FD76B}" dt="2023-06-20T10:01:33.949" v="25"/>
          <ac:spMkLst>
            <pc:docMk/>
            <pc:sldMk cId="789460267" sldId="274"/>
            <ac:spMk id="12" creationId="{FF408B7C-FF3C-549B-E37E-D2AADBEB5467}"/>
          </ac:spMkLst>
        </pc:spChg>
        <pc:spChg chg="del">
          <ac:chgData name="Christine Murphy" userId="S::murphyc@iata.org::36975e2f-8164-45eb-98b1-6e56392de35a" providerId="AD" clId="Web-{6BFFF5F5-DF7D-298B-E477-2907BF0FD76B}" dt="2023-06-20T10:01:32.214" v="24"/>
          <ac:spMkLst>
            <pc:docMk/>
            <pc:sldMk cId="789460267" sldId="274"/>
            <ac:spMk id="13" creationId="{FB566CBC-B02D-D8C0-EC57-B03626C810D1}"/>
          </ac:spMkLst>
        </pc:spChg>
        <pc:spChg chg="del">
          <ac:chgData name="Christine Murphy" userId="S::murphyc@iata.org::36975e2f-8164-45eb-98b1-6e56392de35a" providerId="AD" clId="Web-{6BFFF5F5-DF7D-298B-E477-2907BF0FD76B}" dt="2023-06-20T10:01:30.527" v="23"/>
          <ac:spMkLst>
            <pc:docMk/>
            <pc:sldMk cId="789460267" sldId="274"/>
            <ac:spMk id="14" creationId="{711B2570-9ED1-55F6-1F4C-E5CFA54EA22E}"/>
          </ac:spMkLst>
        </pc:spChg>
        <pc:picChg chg="add del mod modCrop">
          <ac:chgData name="Christine Murphy" userId="S::murphyc@iata.org::36975e2f-8164-45eb-98b1-6e56392de35a" providerId="AD" clId="Web-{6BFFF5F5-DF7D-298B-E477-2907BF0FD76B}" dt="2023-06-20T10:03:36.735" v="40"/>
          <ac:picMkLst>
            <pc:docMk/>
            <pc:sldMk cId="789460267" sldId="274"/>
            <ac:picMk id="2" creationId="{9C433685-019F-E4C9-9E80-569A461FBB8B}"/>
          </ac:picMkLst>
        </pc:picChg>
        <pc:picChg chg="add mod ord modCrop">
          <ac:chgData name="Christine Murphy" userId="S::murphyc@iata.org::36975e2f-8164-45eb-98b1-6e56392de35a" providerId="AD" clId="Web-{6BFFF5F5-DF7D-298B-E477-2907BF0FD76B}" dt="2023-06-20T10:04:15.392" v="46"/>
          <ac:picMkLst>
            <pc:docMk/>
            <pc:sldMk cId="789460267" sldId="274"/>
            <ac:picMk id="3" creationId="{B10CBF97-B183-64D9-96BA-FF090921D46A}"/>
          </ac:picMkLst>
        </pc:picChg>
      </pc:sldChg>
    </pc:docChg>
  </pc:docChgLst>
  <pc:docChgLst>
    <pc:chgData name="Nataly Echezuria" userId="016cf74e-e64d-40ef-b55b-1485ed1ed370" providerId="ADAL" clId="{E3539D87-AC00-49D5-9852-AFEB014C7D5A}"/>
    <pc:docChg chg="undo custSel modSld">
      <pc:chgData name="Nataly Echezuria" userId="016cf74e-e64d-40ef-b55b-1485ed1ed370" providerId="ADAL" clId="{E3539D87-AC00-49D5-9852-AFEB014C7D5A}" dt="2023-12-13T15:25:39.572" v="80" actId="478"/>
      <pc:docMkLst>
        <pc:docMk/>
      </pc:docMkLst>
      <pc:sldChg chg="addSp delSp modSp mod">
        <pc:chgData name="Nataly Echezuria" userId="016cf74e-e64d-40ef-b55b-1485ed1ed370" providerId="ADAL" clId="{E3539D87-AC00-49D5-9852-AFEB014C7D5A}" dt="2023-12-13T15:21:58.190" v="12" actId="13244"/>
        <pc:sldMkLst>
          <pc:docMk/>
          <pc:sldMk cId="2748576720" sldId="257"/>
        </pc:sldMkLst>
        <pc:spChg chg="mod">
          <ac:chgData name="Nataly Echezuria" userId="016cf74e-e64d-40ef-b55b-1485ed1ed370" providerId="ADAL" clId="{E3539D87-AC00-49D5-9852-AFEB014C7D5A}" dt="2023-12-13T15:21:39.708" v="8" actId="20577"/>
          <ac:spMkLst>
            <pc:docMk/>
            <pc:sldMk cId="2748576720" sldId="257"/>
            <ac:spMk id="18" creationId="{3303AB1C-A1C6-67B3-6D5F-F41ABB624B23}"/>
          </ac:spMkLst>
        </pc:spChg>
        <pc:spChg chg="mod">
          <ac:chgData name="Nataly Echezuria" userId="016cf74e-e64d-40ef-b55b-1485ed1ed370" providerId="ADAL" clId="{E3539D87-AC00-49D5-9852-AFEB014C7D5A}" dt="2023-12-13T15:21:20.310" v="3" actId="20577"/>
          <ac:spMkLst>
            <pc:docMk/>
            <pc:sldMk cId="2748576720" sldId="257"/>
            <ac:spMk id="20" creationId="{8D96D94B-D357-E9CA-7764-2CC38A083F16}"/>
          </ac:spMkLst>
        </pc:spChg>
        <pc:picChg chg="add mod">
          <ac:chgData name="Nataly Echezuria" userId="016cf74e-e64d-40ef-b55b-1485ed1ed370" providerId="ADAL" clId="{E3539D87-AC00-49D5-9852-AFEB014C7D5A}" dt="2023-12-13T15:21:29.873" v="6" actId="1076"/>
          <ac:picMkLst>
            <pc:docMk/>
            <pc:sldMk cId="2748576720" sldId="257"/>
            <ac:picMk id="2" creationId="{61C2474F-E5B9-C2CE-1BAF-78E94F50143B}"/>
          </ac:picMkLst>
        </pc:picChg>
        <pc:picChg chg="mod ord">
          <ac:chgData name="Nataly Echezuria" userId="016cf74e-e64d-40ef-b55b-1485ed1ed370" providerId="ADAL" clId="{E3539D87-AC00-49D5-9852-AFEB014C7D5A}" dt="2023-12-13T15:21:58.190" v="12" actId="13244"/>
          <ac:picMkLst>
            <pc:docMk/>
            <pc:sldMk cId="2748576720" sldId="257"/>
            <ac:picMk id="3" creationId="{4C8D5E7D-B7D0-956A-CC67-9F47B016CA29}"/>
          </ac:picMkLst>
        </pc:picChg>
        <pc:picChg chg="del">
          <ac:chgData name="Nataly Echezuria" userId="016cf74e-e64d-40ef-b55b-1485ed1ed370" providerId="ADAL" clId="{E3539D87-AC00-49D5-9852-AFEB014C7D5A}" dt="2023-12-13T15:21:24.479" v="4" actId="478"/>
          <ac:picMkLst>
            <pc:docMk/>
            <pc:sldMk cId="2748576720" sldId="257"/>
            <ac:picMk id="19" creationId="{EC45A9B1-B59E-5568-5FB6-156903F3F93F}"/>
          </ac:picMkLst>
        </pc:picChg>
        <pc:picChg chg="del">
          <ac:chgData name="Nataly Echezuria" userId="016cf74e-e64d-40ef-b55b-1485ed1ed370" providerId="ADAL" clId="{E3539D87-AC00-49D5-9852-AFEB014C7D5A}" dt="2023-12-13T15:21:13.938" v="0" actId="478"/>
          <ac:picMkLst>
            <pc:docMk/>
            <pc:sldMk cId="2748576720" sldId="257"/>
            <ac:picMk id="30" creationId="{FF50057A-6ACE-E71A-9819-5B9B261244E0}"/>
          </ac:picMkLst>
        </pc:picChg>
      </pc:sldChg>
      <pc:sldChg chg="addSp delSp modSp mod">
        <pc:chgData name="Nataly Echezuria" userId="016cf74e-e64d-40ef-b55b-1485ed1ed370" providerId="ADAL" clId="{E3539D87-AC00-49D5-9852-AFEB014C7D5A}" dt="2023-12-13T15:25:32.779" v="78" actId="12788"/>
        <pc:sldMkLst>
          <pc:docMk/>
          <pc:sldMk cId="3035780936" sldId="271"/>
        </pc:sldMkLst>
        <pc:spChg chg="mod">
          <ac:chgData name="Nataly Echezuria" userId="016cf74e-e64d-40ef-b55b-1485ed1ed370" providerId="ADAL" clId="{E3539D87-AC00-49D5-9852-AFEB014C7D5A}" dt="2023-12-13T15:23:25.436" v="43" actId="20577"/>
          <ac:spMkLst>
            <pc:docMk/>
            <pc:sldMk cId="3035780936" sldId="271"/>
            <ac:spMk id="5" creationId="{8C2F15C8-4893-5703-E7FC-E8C0F7FE8EDB}"/>
          </ac:spMkLst>
        </pc:spChg>
        <pc:picChg chg="del">
          <ac:chgData name="Nataly Echezuria" userId="016cf74e-e64d-40ef-b55b-1485ed1ed370" providerId="ADAL" clId="{E3539D87-AC00-49D5-9852-AFEB014C7D5A}" dt="2023-12-13T15:25:17.436" v="72" actId="478"/>
          <ac:picMkLst>
            <pc:docMk/>
            <pc:sldMk cId="3035780936" sldId="271"/>
            <ac:picMk id="4" creationId="{B69E8A99-20F6-65C5-4810-51822F73699E}"/>
          </ac:picMkLst>
        </pc:picChg>
        <pc:picChg chg="add mod">
          <ac:chgData name="Nataly Echezuria" userId="016cf74e-e64d-40ef-b55b-1485ed1ed370" providerId="ADAL" clId="{E3539D87-AC00-49D5-9852-AFEB014C7D5A}" dt="2023-12-13T15:25:32.779" v="78" actId="12788"/>
          <ac:picMkLst>
            <pc:docMk/>
            <pc:sldMk cId="3035780936" sldId="271"/>
            <ac:picMk id="6" creationId="{508739DE-A8E1-50E0-F62F-DD429B1049B6}"/>
          </ac:picMkLst>
        </pc:picChg>
      </pc:sldChg>
      <pc:sldChg chg="addSp delSp modSp mod">
        <pc:chgData name="Nataly Echezuria" userId="016cf74e-e64d-40ef-b55b-1485ed1ed370" providerId="ADAL" clId="{E3539D87-AC00-49D5-9852-AFEB014C7D5A}" dt="2023-12-13T15:23:49.882" v="56" actId="13244"/>
        <pc:sldMkLst>
          <pc:docMk/>
          <pc:sldMk cId="245014488" sldId="273"/>
        </pc:sldMkLst>
        <pc:spChg chg="mod">
          <ac:chgData name="Nataly Echezuria" userId="016cf74e-e64d-40ef-b55b-1485ed1ed370" providerId="ADAL" clId="{E3539D87-AC00-49D5-9852-AFEB014C7D5A}" dt="2023-12-13T15:23:13.498" v="29"/>
          <ac:spMkLst>
            <pc:docMk/>
            <pc:sldMk cId="245014488" sldId="273"/>
            <ac:spMk id="13" creationId="{80DD1537-C023-F9B5-D2DB-4018078B50A5}"/>
          </ac:spMkLst>
        </pc:spChg>
        <pc:spChg chg="mod">
          <ac:chgData name="Nataly Echezuria" userId="016cf74e-e64d-40ef-b55b-1485ed1ed370" providerId="ADAL" clId="{E3539D87-AC00-49D5-9852-AFEB014C7D5A}" dt="2023-12-13T15:23:37.328" v="52" actId="20577"/>
          <ac:spMkLst>
            <pc:docMk/>
            <pc:sldMk cId="245014488" sldId="273"/>
            <ac:spMk id="16" creationId="{07C902A9-9103-7969-CCAD-88221A12D727}"/>
          </ac:spMkLst>
        </pc:spChg>
        <pc:spChg chg="mod">
          <ac:chgData name="Nataly Echezuria" userId="016cf74e-e64d-40ef-b55b-1485ed1ed370" providerId="ADAL" clId="{E3539D87-AC00-49D5-9852-AFEB014C7D5A}" dt="2023-12-13T15:23:19.197" v="39" actId="20577"/>
          <ac:spMkLst>
            <pc:docMk/>
            <pc:sldMk cId="245014488" sldId="273"/>
            <ac:spMk id="17" creationId="{7E242B1F-447C-C2FD-5776-51AA6272A986}"/>
          </ac:spMkLst>
        </pc:spChg>
        <pc:picChg chg="mod ord">
          <ac:chgData name="Nataly Echezuria" userId="016cf74e-e64d-40ef-b55b-1485ed1ed370" providerId="ADAL" clId="{E3539D87-AC00-49D5-9852-AFEB014C7D5A}" dt="2023-12-13T15:23:49.882" v="56" actId="13244"/>
          <ac:picMkLst>
            <pc:docMk/>
            <pc:sldMk cId="245014488" sldId="273"/>
            <ac:picMk id="2" creationId="{52E54D61-6F3F-E6B7-5F6F-590439554BC3}"/>
          </ac:picMkLst>
        </pc:picChg>
        <pc:picChg chg="add mod">
          <ac:chgData name="Nataly Echezuria" userId="016cf74e-e64d-40ef-b55b-1485ed1ed370" providerId="ADAL" clId="{E3539D87-AC00-49D5-9852-AFEB014C7D5A}" dt="2023-12-13T15:23:05.553" v="28"/>
          <ac:picMkLst>
            <pc:docMk/>
            <pc:sldMk cId="245014488" sldId="273"/>
            <ac:picMk id="3" creationId="{9F304585-705E-3C82-2C47-1FE1408D1DED}"/>
          </ac:picMkLst>
        </pc:picChg>
        <pc:picChg chg="del">
          <ac:chgData name="Nataly Echezuria" userId="016cf74e-e64d-40ef-b55b-1485ed1ed370" providerId="ADAL" clId="{E3539D87-AC00-49D5-9852-AFEB014C7D5A}" dt="2023-12-13T15:23:05.352" v="27" actId="478"/>
          <ac:picMkLst>
            <pc:docMk/>
            <pc:sldMk cId="245014488" sldId="273"/>
            <ac:picMk id="22" creationId="{668E1159-A479-F3ED-1E3F-029FC79C3102}"/>
          </ac:picMkLst>
        </pc:picChg>
        <pc:picChg chg="del">
          <ac:chgData name="Nataly Echezuria" userId="016cf74e-e64d-40ef-b55b-1485ed1ed370" providerId="ADAL" clId="{E3539D87-AC00-49D5-9852-AFEB014C7D5A}" dt="2023-12-13T15:23:41.402" v="53" actId="478"/>
          <ac:picMkLst>
            <pc:docMk/>
            <pc:sldMk cId="245014488" sldId="273"/>
            <ac:picMk id="23" creationId="{59BEF4E6-ADBE-0380-035C-60B0498BB383}"/>
          </ac:picMkLst>
        </pc:picChg>
      </pc:sldChg>
      <pc:sldChg chg="addSp delSp modSp mod">
        <pc:chgData name="Nataly Echezuria" userId="016cf74e-e64d-40ef-b55b-1485ed1ed370" providerId="ADAL" clId="{E3539D87-AC00-49D5-9852-AFEB014C7D5A}" dt="2023-12-13T15:25:39.572" v="80" actId="478"/>
        <pc:sldMkLst>
          <pc:docMk/>
          <pc:sldMk cId="789460267" sldId="274"/>
        </pc:sldMkLst>
        <pc:spChg chg="add del mod">
          <ac:chgData name="Nataly Echezuria" userId="016cf74e-e64d-40ef-b55b-1485ed1ed370" providerId="ADAL" clId="{E3539D87-AC00-49D5-9852-AFEB014C7D5A}" dt="2023-12-13T15:25:39.572" v="80" actId="478"/>
          <ac:spMkLst>
            <pc:docMk/>
            <pc:sldMk cId="789460267" sldId="274"/>
            <ac:spMk id="4" creationId="{24B1F8CA-7477-70FF-04CF-1C09115596B9}"/>
          </ac:spMkLst>
        </pc:spChg>
        <pc:spChg chg="mod">
          <ac:chgData name="Nataly Echezuria" userId="016cf74e-e64d-40ef-b55b-1485ed1ed370" providerId="ADAL" clId="{E3539D87-AC00-49D5-9852-AFEB014C7D5A}" dt="2023-12-13T15:24:27.064" v="64"/>
          <ac:spMkLst>
            <pc:docMk/>
            <pc:sldMk cId="789460267" sldId="274"/>
            <ac:spMk id="9" creationId="{9FEA55C7-3123-489F-7DF0-62C77266B45F}"/>
          </ac:spMkLst>
        </pc:spChg>
        <pc:spChg chg="mod">
          <ac:chgData name="Nataly Echezuria" userId="016cf74e-e64d-40ef-b55b-1485ed1ed370" providerId="ADAL" clId="{E3539D87-AC00-49D5-9852-AFEB014C7D5A}" dt="2023-12-13T15:24:27.064" v="64"/>
          <ac:spMkLst>
            <pc:docMk/>
            <pc:sldMk cId="789460267" sldId="274"/>
            <ac:spMk id="10" creationId="{A0D624D7-15E7-8EE5-A5DA-297A12A305AD}"/>
          </ac:spMkLst>
        </pc:spChg>
        <pc:spChg chg="mod">
          <ac:chgData name="Nataly Echezuria" userId="016cf74e-e64d-40ef-b55b-1485ed1ed370" providerId="ADAL" clId="{E3539D87-AC00-49D5-9852-AFEB014C7D5A}" dt="2023-12-13T15:24:27.064" v="64"/>
          <ac:spMkLst>
            <pc:docMk/>
            <pc:sldMk cId="789460267" sldId="274"/>
            <ac:spMk id="12" creationId="{E482AF19-C081-3488-F446-6D89CCE7646D}"/>
          </ac:spMkLst>
        </pc:spChg>
        <pc:spChg chg="mod">
          <ac:chgData name="Nataly Echezuria" userId="016cf74e-e64d-40ef-b55b-1485ed1ed370" providerId="ADAL" clId="{E3539D87-AC00-49D5-9852-AFEB014C7D5A}" dt="2023-12-13T15:22:45.354" v="21"/>
          <ac:spMkLst>
            <pc:docMk/>
            <pc:sldMk cId="789460267" sldId="274"/>
            <ac:spMk id="30" creationId="{1FCC11C5-30B0-29D7-2555-EE00887DAECF}"/>
          </ac:spMkLst>
        </pc:spChg>
        <pc:grpChg chg="add del mod ord">
          <ac:chgData name="Nataly Echezuria" userId="016cf74e-e64d-40ef-b55b-1485ed1ed370" providerId="ADAL" clId="{E3539D87-AC00-49D5-9852-AFEB014C7D5A}" dt="2023-12-13T15:25:39.086" v="79" actId="478"/>
          <ac:grpSpMkLst>
            <pc:docMk/>
            <pc:sldMk cId="789460267" sldId="274"/>
            <ac:grpSpMk id="6" creationId="{3ABE80B4-DD14-7B12-0488-F6EB78F8632A}"/>
          </ac:grpSpMkLst>
        </pc:grpChg>
        <pc:picChg chg="add del mod ord">
          <ac:chgData name="Nataly Echezuria" userId="016cf74e-e64d-40ef-b55b-1485ed1ed370" providerId="ADAL" clId="{E3539D87-AC00-49D5-9852-AFEB014C7D5A}" dt="2023-12-13T15:22:58.504" v="26" actId="13244"/>
          <ac:picMkLst>
            <pc:docMk/>
            <pc:sldMk cId="789460267" sldId="274"/>
            <ac:picMk id="2" creationId="{C4A91859-DAEA-4C22-1362-9EBAC0365C4B}"/>
          </ac:picMkLst>
        </pc:picChg>
        <pc:picChg chg="add mod">
          <ac:chgData name="Nataly Echezuria" userId="016cf74e-e64d-40ef-b55b-1485ed1ed370" providerId="ADAL" clId="{E3539D87-AC00-49D5-9852-AFEB014C7D5A}" dt="2023-12-13T15:22:35.167" v="20"/>
          <ac:picMkLst>
            <pc:docMk/>
            <pc:sldMk cId="789460267" sldId="274"/>
            <ac:picMk id="3" creationId="{5D2EE2A2-9503-F020-F6DA-9A4873423460}"/>
          </ac:picMkLst>
        </pc:picChg>
        <pc:picChg chg="del">
          <ac:chgData name="Nataly Echezuria" userId="016cf74e-e64d-40ef-b55b-1485ed1ed370" providerId="ADAL" clId="{E3539D87-AC00-49D5-9852-AFEB014C7D5A}" dt="2023-12-13T15:22:34.882" v="19" actId="478"/>
          <ac:picMkLst>
            <pc:docMk/>
            <pc:sldMk cId="789460267" sldId="274"/>
            <ac:picMk id="29" creationId="{5249BA4B-57EE-D74A-A7F7-6DF200E5B230}"/>
          </ac:picMkLst>
        </pc:picChg>
      </pc:sldChg>
    </pc:docChg>
  </pc:docChgLst>
  <pc:docChgLst>
    <pc:chgData name="Miora Rakotomavo" userId="0542eb8e-0c83-4bd8-bda9-0dca6cb8b5f9" providerId="ADAL" clId="{325245DC-6281-476A-BBF7-273E68118C45}"/>
    <pc:docChg chg="undo custSel addSld delSld modSld">
      <pc:chgData name="Miora Rakotomavo" userId="0542eb8e-0c83-4bd8-bda9-0dca6cb8b5f9" providerId="ADAL" clId="{325245DC-6281-476A-BBF7-273E68118C45}" dt="2024-05-17T08:16:13.519" v="72" actId="34135"/>
      <pc:docMkLst>
        <pc:docMk/>
      </pc:docMkLst>
      <pc:sldChg chg="addSp delSp modSp mod">
        <pc:chgData name="Miora Rakotomavo" userId="0542eb8e-0c83-4bd8-bda9-0dca6cb8b5f9" providerId="ADAL" clId="{325245DC-6281-476A-BBF7-273E68118C45}" dt="2024-05-17T08:10:49.982" v="41" actId="34135"/>
        <pc:sldMkLst>
          <pc:docMk/>
          <pc:sldMk cId="2748576720" sldId="257"/>
        </pc:sldMkLst>
        <pc:picChg chg="add mod">
          <ac:chgData name="Miora Rakotomavo" userId="0542eb8e-0c83-4bd8-bda9-0dca6cb8b5f9" providerId="ADAL" clId="{325245DC-6281-476A-BBF7-273E68118C45}" dt="2024-05-17T08:10:49.982" v="41" actId="34135"/>
          <ac:picMkLst>
            <pc:docMk/>
            <pc:sldMk cId="2748576720" sldId="257"/>
            <ac:picMk id="3" creationId="{8D491BCE-BFA8-98A3-52B5-12DD7D8A17C1}"/>
          </ac:picMkLst>
        </pc:picChg>
        <pc:picChg chg="del mod modVis">
          <ac:chgData name="Miora Rakotomavo" userId="0542eb8e-0c83-4bd8-bda9-0dca6cb8b5f9" providerId="ADAL" clId="{325245DC-6281-476A-BBF7-273E68118C45}" dt="2024-05-17T07:59:57.689" v="20" actId="478"/>
          <ac:picMkLst>
            <pc:docMk/>
            <pc:sldMk cId="2748576720" sldId="257"/>
            <ac:picMk id="12" creationId="{7F515EA1-2286-858E-F3A6-BD474CB8ED3E}"/>
          </ac:picMkLst>
        </pc:picChg>
      </pc:sldChg>
      <pc:sldChg chg="addSp delSp modSp mod">
        <pc:chgData name="Miora Rakotomavo" userId="0542eb8e-0c83-4bd8-bda9-0dca6cb8b5f9" providerId="ADAL" clId="{325245DC-6281-476A-BBF7-273E68118C45}" dt="2024-05-17T08:15:44.698" v="67" actId="34135"/>
        <pc:sldMkLst>
          <pc:docMk/>
          <pc:sldMk cId="3035780936" sldId="271"/>
        </pc:sldMkLst>
        <pc:spChg chg="mod">
          <ac:chgData name="Miora Rakotomavo" userId="0542eb8e-0c83-4bd8-bda9-0dca6cb8b5f9" providerId="ADAL" clId="{325245DC-6281-476A-BBF7-273E68118C45}" dt="2024-05-17T08:11:27.726" v="44" actId="34135"/>
          <ac:spMkLst>
            <pc:docMk/>
            <pc:sldMk cId="3035780936" sldId="271"/>
            <ac:spMk id="3" creationId="{81AC7058-B3A9-4B5B-2A01-07F0A404A047}"/>
          </ac:spMkLst>
        </pc:spChg>
        <pc:spChg chg="mod">
          <ac:chgData name="Miora Rakotomavo" userId="0542eb8e-0c83-4bd8-bda9-0dca6cb8b5f9" providerId="ADAL" clId="{325245DC-6281-476A-BBF7-273E68118C45}" dt="2024-05-17T08:15:44.698" v="67" actId="34135"/>
          <ac:spMkLst>
            <pc:docMk/>
            <pc:sldMk cId="3035780936" sldId="271"/>
            <ac:spMk id="5" creationId="{8C2F15C8-4893-5703-E7FC-E8C0F7FE8EDB}"/>
          </ac:spMkLst>
        </pc:spChg>
        <pc:picChg chg="del mod">
          <ac:chgData name="Miora Rakotomavo" userId="0542eb8e-0c83-4bd8-bda9-0dca6cb8b5f9" providerId="ADAL" clId="{325245DC-6281-476A-BBF7-273E68118C45}" dt="2024-05-17T08:01:20.573" v="29" actId="478"/>
          <ac:picMkLst>
            <pc:docMk/>
            <pc:sldMk cId="3035780936" sldId="271"/>
            <ac:picMk id="4" creationId="{1A038923-FFF2-2388-BD59-A0D9B2853285}"/>
          </ac:picMkLst>
        </pc:picChg>
        <pc:picChg chg="add mod modVis">
          <ac:chgData name="Miora Rakotomavo" userId="0542eb8e-0c83-4bd8-bda9-0dca6cb8b5f9" providerId="ADAL" clId="{325245DC-6281-476A-BBF7-273E68118C45}" dt="2024-05-17T08:11:07.899" v="43" actId="34135"/>
          <ac:picMkLst>
            <pc:docMk/>
            <pc:sldMk cId="3035780936" sldId="271"/>
            <ac:picMk id="6" creationId="{0E924537-4614-4FFF-6FDE-634F0D04AA5D}"/>
          </ac:picMkLst>
        </pc:picChg>
      </pc:sldChg>
      <pc:sldChg chg="addSp delSp modSp mod">
        <pc:chgData name="Miora Rakotomavo" userId="0542eb8e-0c83-4bd8-bda9-0dca6cb8b5f9" providerId="ADAL" clId="{325245DC-6281-476A-BBF7-273E68118C45}" dt="2024-05-17T08:16:13.519" v="72" actId="34135"/>
        <pc:sldMkLst>
          <pc:docMk/>
          <pc:sldMk cId="245014488" sldId="273"/>
        </pc:sldMkLst>
        <pc:picChg chg="del mod">
          <ac:chgData name="Miora Rakotomavo" userId="0542eb8e-0c83-4bd8-bda9-0dca6cb8b5f9" providerId="ADAL" clId="{325245DC-6281-476A-BBF7-273E68118C45}" dt="2024-05-17T08:16:02.162" v="68" actId="478"/>
          <ac:picMkLst>
            <pc:docMk/>
            <pc:sldMk cId="245014488" sldId="273"/>
            <ac:picMk id="2" creationId="{52E54D61-6F3F-E6B7-5F6F-590439554BC3}"/>
          </ac:picMkLst>
        </pc:picChg>
        <pc:picChg chg="add mod">
          <ac:chgData name="Miora Rakotomavo" userId="0542eb8e-0c83-4bd8-bda9-0dca6cb8b5f9" providerId="ADAL" clId="{325245DC-6281-476A-BBF7-273E68118C45}" dt="2024-05-17T08:16:13.519" v="72" actId="34135"/>
          <ac:picMkLst>
            <pc:docMk/>
            <pc:sldMk cId="245014488" sldId="273"/>
            <ac:picMk id="4" creationId="{7C6FE71D-DCD4-6E22-1DD3-9B02677ED244}"/>
          </ac:picMkLst>
        </pc:picChg>
      </pc:sldChg>
      <pc:sldChg chg="addSp delSp modSp mod chgLayout">
        <pc:chgData name="Miora Rakotomavo" userId="0542eb8e-0c83-4bd8-bda9-0dca6cb8b5f9" providerId="ADAL" clId="{325245DC-6281-476A-BBF7-273E68118C45}" dt="2024-05-17T08:14:32.450" v="62" actId="34135"/>
        <pc:sldMkLst>
          <pc:docMk/>
          <pc:sldMk cId="789460267" sldId="274"/>
        </pc:sldMkLst>
        <pc:spChg chg="mod modVis">
          <ac:chgData name="Miora Rakotomavo" userId="0542eb8e-0c83-4bd8-bda9-0dca6cb8b5f9" providerId="ADAL" clId="{325245DC-6281-476A-BBF7-273E68118C45}" dt="2024-05-17T08:13:22.919" v="49" actId="14429"/>
          <ac:spMkLst>
            <pc:docMk/>
            <pc:sldMk cId="789460267" sldId="274"/>
            <ac:spMk id="5" creationId="{3805FF7A-3484-1EDE-7EE4-BBE196BA4DB2}"/>
          </ac:spMkLst>
        </pc:spChg>
        <pc:spChg chg="mod modVis">
          <ac:chgData name="Miora Rakotomavo" userId="0542eb8e-0c83-4bd8-bda9-0dca6cb8b5f9" providerId="ADAL" clId="{325245DC-6281-476A-BBF7-273E68118C45}" dt="2024-05-17T08:14:32.450" v="62" actId="34135"/>
          <ac:spMkLst>
            <pc:docMk/>
            <pc:sldMk cId="789460267" sldId="274"/>
            <ac:spMk id="7" creationId="{22BEFDDE-4F75-E4C1-D461-F2DC7262A728}"/>
          </ac:spMkLst>
        </pc:spChg>
        <pc:spChg chg="add del mod modVis">
          <ac:chgData name="Miora Rakotomavo" userId="0542eb8e-0c83-4bd8-bda9-0dca6cb8b5f9" providerId="ADAL" clId="{325245DC-6281-476A-BBF7-273E68118C45}" dt="2024-05-17T08:13:30.946" v="52" actId="6264"/>
          <ac:spMkLst>
            <pc:docMk/>
            <pc:sldMk cId="789460267" sldId="274"/>
            <ac:spMk id="11" creationId="{D7117594-489B-29F6-A61E-4717D1FEDA54}"/>
          </ac:spMkLst>
        </pc:spChg>
        <pc:spChg chg="add del mod ord">
          <ac:chgData name="Miora Rakotomavo" userId="0542eb8e-0c83-4bd8-bda9-0dca6cb8b5f9" providerId="ADAL" clId="{325245DC-6281-476A-BBF7-273E68118C45}" dt="2024-05-17T08:13:30.946" v="52" actId="6264"/>
          <ac:spMkLst>
            <pc:docMk/>
            <pc:sldMk cId="789460267" sldId="274"/>
            <ac:spMk id="12" creationId="{76B451F3-F76D-35FB-0C05-97518C9220B4}"/>
          </ac:spMkLst>
        </pc:spChg>
        <pc:picChg chg="del">
          <ac:chgData name="Miora Rakotomavo" userId="0542eb8e-0c83-4bd8-bda9-0dca6cb8b5f9" providerId="ADAL" clId="{325245DC-6281-476A-BBF7-273E68118C45}" dt="2024-05-17T08:01:38.138" v="31" actId="478"/>
          <ac:picMkLst>
            <pc:docMk/>
            <pc:sldMk cId="789460267" sldId="274"/>
            <ac:picMk id="2" creationId="{C4A91859-DAEA-4C22-1362-9EBAC0365C4B}"/>
          </ac:picMkLst>
        </pc:picChg>
        <pc:picChg chg="add del mod">
          <ac:chgData name="Miora Rakotomavo" userId="0542eb8e-0c83-4bd8-bda9-0dca6cb8b5f9" providerId="ADAL" clId="{325245DC-6281-476A-BBF7-273E68118C45}" dt="2024-05-17T08:01:47.796" v="33" actId="931"/>
          <ac:picMkLst>
            <pc:docMk/>
            <pc:sldMk cId="789460267" sldId="274"/>
            <ac:picMk id="4" creationId="{58E05B19-19DB-82CC-161A-CB3DBC6B5551}"/>
          </ac:picMkLst>
        </pc:picChg>
        <pc:picChg chg="add del mod">
          <ac:chgData name="Miora Rakotomavo" userId="0542eb8e-0c83-4bd8-bda9-0dca6cb8b5f9" providerId="ADAL" clId="{325245DC-6281-476A-BBF7-273E68118C45}" dt="2024-05-17T08:02:00.417" v="35" actId="931"/>
          <ac:picMkLst>
            <pc:docMk/>
            <pc:sldMk cId="789460267" sldId="274"/>
            <ac:picMk id="8" creationId="{F2DB416D-EB6F-4279-A16C-96485C5FC0E2}"/>
          </ac:picMkLst>
        </pc:picChg>
        <pc:picChg chg="add del mod">
          <ac:chgData name="Miora Rakotomavo" userId="0542eb8e-0c83-4bd8-bda9-0dca6cb8b5f9" providerId="ADAL" clId="{325245DC-6281-476A-BBF7-273E68118C45}" dt="2024-05-17T08:02:17.936" v="40" actId="931"/>
          <ac:picMkLst>
            <pc:docMk/>
            <pc:sldMk cId="789460267" sldId="274"/>
            <ac:picMk id="10" creationId="{0F9FEC7C-CD9B-D8B7-754C-271C66D5DDCD}"/>
          </ac:picMkLst>
        </pc:picChg>
        <pc:picChg chg="add del">
          <ac:chgData name="Miora Rakotomavo" userId="0542eb8e-0c83-4bd8-bda9-0dca6cb8b5f9" providerId="ADAL" clId="{325245DC-6281-476A-BBF7-273E68118C45}" dt="2024-05-17T08:13:35.358" v="54" actId="478"/>
          <ac:picMkLst>
            <pc:docMk/>
            <pc:sldMk cId="789460267" sldId="274"/>
            <ac:picMk id="13" creationId="{9670F8FE-042E-993A-2340-4A0EEED33439}"/>
          </ac:picMkLst>
        </pc:picChg>
        <pc:picChg chg="add mod ord">
          <ac:chgData name="Miora Rakotomavo" userId="0542eb8e-0c83-4bd8-bda9-0dca6cb8b5f9" providerId="ADAL" clId="{325245DC-6281-476A-BBF7-273E68118C45}" dt="2024-05-17T08:14:32.450" v="62" actId="34135"/>
          <ac:picMkLst>
            <pc:docMk/>
            <pc:sldMk cId="789460267" sldId="274"/>
            <ac:picMk id="14" creationId="{74131BA3-DB1B-86D7-C707-747AA6A3EA65}"/>
          </ac:picMkLst>
        </pc:picChg>
      </pc:sldChg>
      <pc:sldChg chg="addSp delSp modSp new del mod">
        <pc:chgData name="Miora Rakotomavo" userId="0542eb8e-0c83-4bd8-bda9-0dca6cb8b5f9" providerId="ADAL" clId="{325245DC-6281-476A-BBF7-273E68118C45}" dt="2024-05-17T08:14:40.779" v="63" actId="2696"/>
        <pc:sldMkLst>
          <pc:docMk/>
          <pc:sldMk cId="702765603" sldId="275"/>
        </pc:sldMkLst>
        <pc:spChg chg="del">
          <ac:chgData name="Miora Rakotomavo" userId="0542eb8e-0c83-4bd8-bda9-0dca6cb8b5f9" providerId="ADAL" clId="{325245DC-6281-476A-BBF7-273E68118C45}" dt="2024-05-17T08:13:43.591" v="56" actId="478"/>
          <ac:spMkLst>
            <pc:docMk/>
            <pc:sldMk cId="702765603" sldId="275"/>
            <ac:spMk id="2" creationId="{21B2D38F-F2D8-8305-0305-840A8B50E5C0}"/>
          </ac:spMkLst>
        </pc:spChg>
        <pc:picChg chg="add del mod">
          <ac:chgData name="Miora Rakotomavo" userId="0542eb8e-0c83-4bd8-bda9-0dca6cb8b5f9" providerId="ADAL" clId="{325245DC-6281-476A-BBF7-273E68118C45}" dt="2024-05-17T08:13:54.872" v="58" actId="478"/>
          <ac:picMkLst>
            <pc:docMk/>
            <pc:sldMk cId="702765603" sldId="275"/>
            <ac:picMk id="4" creationId="{70F9B437-BE3E-545F-1F6A-EFA02EAB6592}"/>
          </ac:picMkLst>
        </pc:picChg>
        <pc:picChg chg="add mod">
          <ac:chgData name="Miora Rakotomavo" userId="0542eb8e-0c83-4bd8-bda9-0dca6cb8b5f9" providerId="ADAL" clId="{325245DC-6281-476A-BBF7-273E68118C45}" dt="2024-05-17T08:14:00.267" v="59" actId="931"/>
          <ac:picMkLst>
            <pc:docMk/>
            <pc:sldMk cId="702765603" sldId="275"/>
            <ac:picMk id="6" creationId="{D2741B96-1FA9-ADD6-612D-4A6E96F19D86}"/>
          </ac:picMkLst>
        </pc:picChg>
      </pc:sldChg>
      <pc:sldChg chg="modSp add del mod">
        <pc:chgData name="Miora Rakotomavo" userId="0542eb8e-0c83-4bd8-bda9-0dca6cb8b5f9" providerId="ADAL" clId="{325245DC-6281-476A-BBF7-273E68118C45}" dt="2024-05-16T14:52:19.647" v="17" actId="2696"/>
        <pc:sldMkLst>
          <pc:docMk/>
          <pc:sldMk cId="2934200137" sldId="275"/>
        </pc:sldMkLst>
        <pc:picChg chg="mod">
          <ac:chgData name="Miora Rakotomavo" userId="0542eb8e-0c83-4bd8-bda9-0dca6cb8b5f9" providerId="ADAL" clId="{325245DC-6281-476A-BBF7-273E68118C45}" dt="2024-05-16T13:57:18.561" v="5" actId="1076"/>
          <ac:picMkLst>
            <pc:docMk/>
            <pc:sldMk cId="2934200137" sldId="275"/>
            <ac:picMk id="4" creationId="{1A038923-FFF2-2388-BD59-A0D9B2853285}"/>
          </ac:picMkLst>
        </pc:picChg>
      </pc:sldChg>
      <pc:sldChg chg="new del">
        <pc:chgData name="Miora Rakotomavo" userId="0542eb8e-0c83-4bd8-bda9-0dca6cb8b5f9" providerId="ADAL" clId="{325245DC-6281-476A-BBF7-273E68118C45}" dt="2024-05-16T14:00:30.877" v="12" actId="680"/>
        <pc:sldMkLst>
          <pc:docMk/>
          <pc:sldMk cId="715410525" sldId="276"/>
        </pc:sldMkLst>
      </pc:sldChg>
    </pc:docChg>
  </pc:docChgLst>
  <pc:docChgLst>
    <pc:chgData name="Christine Murphy" userId="36975e2f-8164-45eb-98b1-6e56392de35a" providerId="ADAL" clId="{620D6C2E-3452-47BE-8438-8533DE872723}"/>
    <pc:docChg chg="custSel delSld modSld">
      <pc:chgData name="Christine Murphy" userId="36975e2f-8164-45eb-98b1-6e56392de35a" providerId="ADAL" clId="{620D6C2E-3452-47BE-8438-8533DE872723}" dt="2023-06-27T15:12:12.792" v="47" actId="478"/>
      <pc:docMkLst>
        <pc:docMk/>
      </pc:docMkLst>
      <pc:sldChg chg="del">
        <pc:chgData name="Christine Murphy" userId="36975e2f-8164-45eb-98b1-6e56392de35a" providerId="ADAL" clId="{620D6C2E-3452-47BE-8438-8533DE872723}" dt="2023-06-13T12:48:23.547" v="13" actId="47"/>
        <pc:sldMkLst>
          <pc:docMk/>
          <pc:sldMk cId="4108648474" sldId="256"/>
        </pc:sldMkLst>
      </pc:sldChg>
      <pc:sldChg chg="addSp delSp modSp mod">
        <pc:chgData name="Christine Murphy" userId="36975e2f-8164-45eb-98b1-6e56392de35a" providerId="ADAL" clId="{620D6C2E-3452-47BE-8438-8533DE872723}" dt="2023-06-27T15:10:14.652" v="26" actId="1076"/>
        <pc:sldMkLst>
          <pc:docMk/>
          <pc:sldMk cId="2748576720" sldId="257"/>
        </pc:sldMkLst>
        <pc:picChg chg="del">
          <ac:chgData name="Christine Murphy" userId="36975e2f-8164-45eb-98b1-6e56392de35a" providerId="ADAL" clId="{620D6C2E-3452-47BE-8438-8533DE872723}" dt="2023-06-27T15:10:10.461" v="23" actId="478"/>
          <ac:picMkLst>
            <pc:docMk/>
            <pc:sldMk cId="2748576720" sldId="257"/>
            <ac:picMk id="3" creationId="{8EB9AA76-A9C8-9566-FF6D-064666F6875D}"/>
          </ac:picMkLst>
        </pc:picChg>
        <pc:picChg chg="add mod">
          <ac:chgData name="Christine Murphy" userId="36975e2f-8164-45eb-98b1-6e56392de35a" providerId="ADAL" clId="{620D6C2E-3452-47BE-8438-8533DE872723}" dt="2023-06-27T15:10:14.652" v="26" actId="1076"/>
          <ac:picMkLst>
            <pc:docMk/>
            <pc:sldMk cId="2748576720" sldId="257"/>
            <ac:picMk id="4" creationId="{524699B5-32E6-A8D6-7969-E5B80BA6104A}"/>
          </ac:picMkLst>
        </pc:picChg>
      </pc:sldChg>
      <pc:sldChg chg="modSp mod">
        <pc:chgData name="Christine Murphy" userId="36975e2f-8164-45eb-98b1-6e56392de35a" providerId="ADAL" clId="{620D6C2E-3452-47BE-8438-8533DE872723}" dt="2023-06-27T15:11:43.647" v="45"/>
        <pc:sldMkLst>
          <pc:docMk/>
          <pc:sldMk cId="2041794120" sldId="263"/>
        </pc:sldMkLst>
        <pc:spChg chg="mod">
          <ac:chgData name="Christine Murphy" userId="36975e2f-8164-45eb-98b1-6e56392de35a" providerId="ADAL" clId="{620D6C2E-3452-47BE-8438-8533DE872723}" dt="2023-06-27T15:11:23.699" v="42" actId="20577"/>
          <ac:spMkLst>
            <pc:docMk/>
            <pc:sldMk cId="2041794120" sldId="263"/>
            <ac:spMk id="2" creationId="{AA913166-3AF7-51D2-1C44-8E13974A175A}"/>
          </ac:spMkLst>
        </pc:spChg>
        <pc:spChg chg="mod">
          <ac:chgData name="Christine Murphy" userId="36975e2f-8164-45eb-98b1-6e56392de35a" providerId="ADAL" clId="{620D6C2E-3452-47BE-8438-8533DE872723}" dt="2023-06-27T15:11:43.647" v="45"/>
          <ac:spMkLst>
            <pc:docMk/>
            <pc:sldMk cId="2041794120" sldId="263"/>
            <ac:spMk id="5" creationId="{8C2F15C8-4893-5703-E7FC-E8C0F7FE8EDB}"/>
          </ac:spMkLst>
        </pc:spChg>
        <pc:picChg chg="mod">
          <ac:chgData name="Christine Murphy" userId="36975e2f-8164-45eb-98b1-6e56392de35a" providerId="ADAL" clId="{620D6C2E-3452-47BE-8438-8533DE872723}" dt="2023-06-27T15:11:16.686" v="38" actId="14826"/>
          <ac:picMkLst>
            <pc:docMk/>
            <pc:sldMk cId="2041794120" sldId="263"/>
            <ac:picMk id="14" creationId="{9B7B8B36-DF25-A8B4-8436-58CA6B13DF06}"/>
          </ac:picMkLst>
        </pc:picChg>
      </pc:sldChg>
      <pc:sldChg chg="modSp del mod">
        <pc:chgData name="Christine Murphy" userId="36975e2f-8164-45eb-98b1-6e56392de35a" providerId="ADAL" clId="{620D6C2E-3452-47BE-8438-8533DE872723}" dt="2023-06-20T10:06:51.395" v="17" actId="47"/>
        <pc:sldMkLst>
          <pc:docMk/>
          <pc:sldMk cId="4276101519" sldId="268"/>
        </pc:sldMkLst>
        <pc:spChg chg="mod modVis">
          <ac:chgData name="Christine Murphy" userId="36975e2f-8164-45eb-98b1-6e56392de35a" providerId="ADAL" clId="{620D6C2E-3452-47BE-8438-8533DE872723}" dt="2023-06-13T12:48:10.427" v="4" actId="14429"/>
          <ac:spMkLst>
            <pc:docMk/>
            <pc:sldMk cId="4276101519" sldId="268"/>
            <ac:spMk id="12" creationId="{FF408B7C-FF3C-549B-E37E-D2AADBEB5467}"/>
          </ac:spMkLst>
        </pc:spChg>
        <pc:spChg chg="mod modVis">
          <ac:chgData name="Christine Murphy" userId="36975e2f-8164-45eb-98b1-6e56392de35a" providerId="ADAL" clId="{620D6C2E-3452-47BE-8438-8533DE872723}" dt="2023-06-13T12:48:11.549" v="5" actId="14429"/>
          <ac:spMkLst>
            <pc:docMk/>
            <pc:sldMk cId="4276101519" sldId="268"/>
            <ac:spMk id="13" creationId="{FB566CBC-B02D-D8C0-EC57-B03626C810D1}"/>
          </ac:spMkLst>
        </pc:spChg>
        <pc:spChg chg="mod modVis">
          <ac:chgData name="Christine Murphy" userId="36975e2f-8164-45eb-98b1-6e56392de35a" providerId="ADAL" clId="{620D6C2E-3452-47BE-8438-8533DE872723}" dt="2023-06-13T12:48:12.115" v="6" actId="14429"/>
          <ac:spMkLst>
            <pc:docMk/>
            <pc:sldMk cId="4276101519" sldId="268"/>
            <ac:spMk id="14" creationId="{711B2570-9ED1-55F6-1F4C-E5CFA54EA22E}"/>
          </ac:spMkLst>
        </pc:spChg>
      </pc:sldChg>
      <pc:sldChg chg="addSp delSp modSp mod">
        <pc:chgData name="Christine Murphy" userId="36975e2f-8164-45eb-98b1-6e56392de35a" providerId="ADAL" clId="{620D6C2E-3452-47BE-8438-8533DE872723}" dt="2023-06-27T15:10:42.548" v="36"/>
        <pc:sldMkLst>
          <pc:docMk/>
          <pc:sldMk cId="245014488" sldId="273"/>
        </pc:sldMkLst>
        <pc:spChg chg="mod modVis">
          <ac:chgData name="Christine Murphy" userId="36975e2f-8164-45eb-98b1-6e56392de35a" providerId="ADAL" clId="{620D6C2E-3452-47BE-8438-8533DE872723}" dt="2023-06-13T12:48:16.572" v="10" actId="14429"/>
          <ac:spMkLst>
            <pc:docMk/>
            <pc:sldMk cId="245014488" sldId="273"/>
            <ac:spMk id="5" creationId="{27994A38-BD77-946D-4942-357317E065E7}"/>
          </ac:spMkLst>
        </pc:spChg>
        <pc:spChg chg="mod modVis">
          <ac:chgData name="Christine Murphy" userId="36975e2f-8164-45eb-98b1-6e56392de35a" providerId="ADAL" clId="{620D6C2E-3452-47BE-8438-8533DE872723}" dt="2023-06-13T12:48:18.188" v="12" actId="14429"/>
          <ac:spMkLst>
            <pc:docMk/>
            <pc:sldMk cId="245014488" sldId="273"/>
            <ac:spMk id="7" creationId="{BF77A57C-E6E8-0F37-CD6E-E598D11432F8}"/>
          </ac:spMkLst>
        </pc:spChg>
        <pc:spChg chg="mod modVis">
          <ac:chgData name="Christine Murphy" userId="36975e2f-8164-45eb-98b1-6e56392de35a" providerId="ADAL" clId="{620D6C2E-3452-47BE-8438-8533DE872723}" dt="2023-06-13T12:48:15.428" v="8" actId="14429"/>
          <ac:spMkLst>
            <pc:docMk/>
            <pc:sldMk cId="245014488" sldId="273"/>
            <ac:spMk id="60" creationId="{3F0D69FA-4445-43BE-B55D-CA5C1E4B9A13}"/>
          </ac:spMkLst>
        </pc:spChg>
        <pc:picChg chg="del">
          <ac:chgData name="Christine Murphy" userId="36975e2f-8164-45eb-98b1-6e56392de35a" providerId="ADAL" clId="{620D6C2E-3452-47BE-8438-8533DE872723}" dt="2023-06-27T15:10:42.401" v="35" actId="478"/>
          <ac:picMkLst>
            <pc:docMk/>
            <pc:sldMk cId="245014488" sldId="273"/>
            <ac:picMk id="3" creationId="{8EB9AA76-A9C8-9566-FF6D-064666F6875D}"/>
          </ac:picMkLst>
        </pc:picChg>
        <pc:picChg chg="add mod">
          <ac:chgData name="Christine Murphy" userId="36975e2f-8164-45eb-98b1-6e56392de35a" providerId="ADAL" clId="{620D6C2E-3452-47BE-8438-8533DE872723}" dt="2023-06-27T15:10:42.548" v="36"/>
          <ac:picMkLst>
            <pc:docMk/>
            <pc:sldMk cId="245014488" sldId="273"/>
            <ac:picMk id="4" creationId="{DCC18E59-F18F-A6A2-5AFF-70421E4E3427}"/>
          </ac:picMkLst>
        </pc:picChg>
      </pc:sldChg>
      <pc:sldChg chg="addSp delSp modSp mod">
        <pc:chgData name="Christine Murphy" userId="36975e2f-8164-45eb-98b1-6e56392de35a" providerId="ADAL" clId="{620D6C2E-3452-47BE-8438-8533DE872723}" dt="2023-06-27T15:12:12.792" v="47" actId="478"/>
        <pc:sldMkLst>
          <pc:docMk/>
          <pc:sldMk cId="789460267" sldId="274"/>
        </pc:sldMkLst>
        <pc:spChg chg="add mod ord">
          <ac:chgData name="Christine Murphy" userId="36975e2f-8164-45eb-98b1-6e56392de35a" providerId="ADAL" clId="{620D6C2E-3452-47BE-8438-8533DE872723}" dt="2023-06-20T10:06:45.201" v="16" actId="13244"/>
          <ac:spMkLst>
            <pc:docMk/>
            <pc:sldMk cId="789460267" sldId="274"/>
            <ac:spMk id="2" creationId="{17B0F6D3-55B8-5473-8A0D-A80E1A8A9870}"/>
          </ac:spMkLst>
        </pc:spChg>
        <pc:spChg chg="add mod ord">
          <ac:chgData name="Christine Murphy" userId="36975e2f-8164-45eb-98b1-6e56392de35a" providerId="ADAL" clId="{620D6C2E-3452-47BE-8438-8533DE872723}" dt="2023-06-20T10:06:45.201" v="16" actId="13244"/>
          <ac:spMkLst>
            <pc:docMk/>
            <pc:sldMk cId="789460267" sldId="274"/>
            <ac:spMk id="4" creationId="{F3B60118-010F-4D65-56AC-7E41D2744538}"/>
          </ac:spMkLst>
        </pc:spChg>
        <pc:spChg chg="ord">
          <ac:chgData name="Christine Murphy" userId="36975e2f-8164-45eb-98b1-6e56392de35a" providerId="ADAL" clId="{620D6C2E-3452-47BE-8438-8533DE872723}" dt="2023-06-27T15:10:30.231" v="30" actId="13244"/>
          <ac:spMkLst>
            <pc:docMk/>
            <pc:sldMk cId="789460267" sldId="274"/>
            <ac:spMk id="5" creationId="{3805FF7A-3484-1EDE-7EE4-BBE196BA4DB2}"/>
          </ac:spMkLst>
        </pc:spChg>
        <pc:spChg chg="ord">
          <ac:chgData name="Christine Murphy" userId="36975e2f-8164-45eb-98b1-6e56392de35a" providerId="ADAL" clId="{620D6C2E-3452-47BE-8438-8533DE872723}" dt="2023-06-27T15:10:33.918" v="32" actId="13244"/>
          <ac:spMkLst>
            <pc:docMk/>
            <pc:sldMk cId="789460267" sldId="274"/>
            <ac:spMk id="7" creationId="{22BEFDDE-4F75-E4C1-D461-F2DC7262A728}"/>
          </ac:spMkLst>
        </pc:spChg>
        <pc:spChg chg="add mod ord">
          <ac:chgData name="Christine Murphy" userId="36975e2f-8164-45eb-98b1-6e56392de35a" providerId="ADAL" clId="{620D6C2E-3452-47BE-8438-8533DE872723}" dt="2023-06-20T10:06:45.201" v="16" actId="13244"/>
          <ac:spMkLst>
            <pc:docMk/>
            <pc:sldMk cId="789460267" sldId="274"/>
            <ac:spMk id="9" creationId="{FED2D604-3497-CEAF-DB8B-9CB3C3DB2A04}"/>
          </ac:spMkLst>
        </pc:spChg>
        <pc:spChg chg="ord">
          <ac:chgData name="Christine Murphy" userId="36975e2f-8164-45eb-98b1-6e56392de35a" providerId="ADAL" clId="{620D6C2E-3452-47BE-8438-8533DE872723}" dt="2023-06-27T15:10:25.496" v="27" actId="13244"/>
          <ac:spMkLst>
            <pc:docMk/>
            <pc:sldMk cId="789460267" sldId="274"/>
            <ac:spMk id="10" creationId="{692EB162-24E3-63FE-FC37-116A8C09E27A}"/>
          </ac:spMkLst>
        </pc:spChg>
        <pc:spChg chg="add mod ord">
          <ac:chgData name="Christine Murphy" userId="36975e2f-8164-45eb-98b1-6e56392de35a" providerId="ADAL" clId="{620D6C2E-3452-47BE-8438-8533DE872723}" dt="2023-06-20T10:06:45.201" v="16" actId="13244"/>
          <ac:spMkLst>
            <pc:docMk/>
            <pc:sldMk cId="789460267" sldId="274"/>
            <ac:spMk id="11" creationId="{D7117594-489B-29F6-A61E-4717D1FEDA54}"/>
          </ac:spMkLst>
        </pc:spChg>
        <pc:spChg chg="mod">
          <ac:chgData name="Christine Murphy" userId="36975e2f-8164-45eb-98b1-6e56392de35a" providerId="ADAL" clId="{620D6C2E-3452-47BE-8438-8533DE872723}" dt="2023-06-20T10:07:07.785" v="18"/>
          <ac:spMkLst>
            <pc:docMk/>
            <pc:sldMk cId="789460267" sldId="274"/>
            <ac:spMk id="13" creationId="{9F14CF0C-D93E-DAE7-8627-83BB76380B75}"/>
          </ac:spMkLst>
        </pc:spChg>
        <pc:spChg chg="mod">
          <ac:chgData name="Christine Murphy" userId="36975e2f-8164-45eb-98b1-6e56392de35a" providerId="ADAL" clId="{620D6C2E-3452-47BE-8438-8533DE872723}" dt="2023-06-20T10:07:07.785" v="18"/>
          <ac:spMkLst>
            <pc:docMk/>
            <pc:sldMk cId="789460267" sldId="274"/>
            <ac:spMk id="14" creationId="{22AC32EF-E1E5-790E-4C62-9B38F511ED4B}"/>
          </ac:spMkLst>
        </pc:spChg>
        <pc:spChg chg="mod">
          <ac:chgData name="Christine Murphy" userId="36975e2f-8164-45eb-98b1-6e56392de35a" providerId="ADAL" clId="{620D6C2E-3452-47BE-8438-8533DE872723}" dt="2023-06-20T10:07:07.785" v="18"/>
          <ac:spMkLst>
            <pc:docMk/>
            <pc:sldMk cId="789460267" sldId="274"/>
            <ac:spMk id="15" creationId="{F67E03F4-3190-4A62-34B7-109A5F766CFF}"/>
          </ac:spMkLst>
        </pc:spChg>
        <pc:grpChg chg="add del mod">
          <ac:chgData name="Christine Murphy" userId="36975e2f-8164-45eb-98b1-6e56392de35a" providerId="ADAL" clId="{620D6C2E-3452-47BE-8438-8533DE872723}" dt="2023-06-27T15:12:12.792" v="47" actId="478"/>
          <ac:grpSpMkLst>
            <pc:docMk/>
            <pc:sldMk cId="789460267" sldId="274"/>
            <ac:grpSpMk id="12" creationId="{D6F78D87-7621-5DB8-6150-5FE7A078DE45}"/>
          </ac:grpSpMkLst>
        </pc:grpChg>
        <pc:picChg chg="del ord">
          <ac:chgData name="Christine Murphy" userId="36975e2f-8164-45eb-98b1-6e56392de35a" providerId="ADAL" clId="{620D6C2E-3452-47BE-8438-8533DE872723}" dt="2023-06-27T15:10:37.516" v="33" actId="478"/>
          <ac:picMkLst>
            <pc:docMk/>
            <pc:sldMk cId="789460267" sldId="274"/>
            <ac:picMk id="6" creationId="{C4FDB174-D114-1094-C790-453C3FA69319}"/>
          </ac:picMkLst>
        </pc:picChg>
        <pc:picChg chg="ord">
          <ac:chgData name="Christine Murphy" userId="36975e2f-8164-45eb-98b1-6e56392de35a" providerId="ADAL" clId="{620D6C2E-3452-47BE-8438-8533DE872723}" dt="2023-06-27T15:10:29.043" v="29" actId="13244"/>
          <ac:picMkLst>
            <pc:docMk/>
            <pc:sldMk cId="789460267" sldId="274"/>
            <ac:picMk id="8" creationId="{46DFBB2B-1A8E-05A8-5E80-3CF1EE32AE28}"/>
          </ac:picMkLst>
        </pc:picChg>
        <pc:picChg chg="add mod">
          <ac:chgData name="Christine Murphy" userId="36975e2f-8164-45eb-98b1-6e56392de35a" providerId="ADAL" clId="{620D6C2E-3452-47BE-8438-8533DE872723}" dt="2023-06-27T15:12:10.813" v="46" actId="1076"/>
          <ac:picMkLst>
            <pc:docMk/>
            <pc:sldMk cId="789460267" sldId="274"/>
            <ac:picMk id="16" creationId="{5C5F4D3A-A0B2-ED5B-BD14-1714E2817437}"/>
          </ac:picMkLst>
        </pc:picChg>
      </pc:sldChg>
    </pc:docChg>
  </pc:docChgLst>
  <pc:docChgLst>
    <pc:chgData name="Miora Rakotomavo" userId="0542eb8e-0c83-4bd8-bda9-0dca6cb8b5f9" providerId="ADAL" clId="{6B5AAE2B-616C-443D-A2A9-E8198E87A431}"/>
    <pc:docChg chg="undo custSel modSld">
      <pc:chgData name="Miora Rakotomavo" userId="0542eb8e-0c83-4bd8-bda9-0dca6cb8b5f9" providerId="ADAL" clId="{6B5AAE2B-616C-443D-A2A9-E8198E87A431}" dt="2024-06-12T12:00:59.284" v="25" actId="34135"/>
      <pc:docMkLst>
        <pc:docMk/>
      </pc:docMkLst>
      <pc:sldChg chg="modSp mod">
        <pc:chgData name="Miora Rakotomavo" userId="0542eb8e-0c83-4bd8-bda9-0dca6cb8b5f9" providerId="ADAL" clId="{6B5AAE2B-616C-443D-A2A9-E8198E87A431}" dt="2024-06-12T12:00:55.880" v="24" actId="34135"/>
        <pc:sldMkLst>
          <pc:docMk/>
          <pc:sldMk cId="2748576720" sldId="257"/>
        </pc:sldMkLst>
        <pc:picChg chg="mod">
          <ac:chgData name="Miora Rakotomavo" userId="0542eb8e-0c83-4bd8-bda9-0dca6cb8b5f9" providerId="ADAL" clId="{6B5AAE2B-616C-443D-A2A9-E8198E87A431}" dt="2024-06-12T12:00:55.880" v="24" actId="34135"/>
          <ac:picMkLst>
            <pc:docMk/>
            <pc:sldMk cId="2748576720" sldId="257"/>
            <ac:picMk id="3" creationId="{8D491BCE-BFA8-98A3-52B5-12DD7D8A17C1}"/>
          </ac:picMkLst>
        </pc:picChg>
      </pc:sldChg>
      <pc:sldChg chg="addSp modSp mod">
        <pc:chgData name="Miora Rakotomavo" userId="0542eb8e-0c83-4bd8-bda9-0dca6cb8b5f9" providerId="ADAL" clId="{6B5AAE2B-616C-443D-A2A9-E8198E87A431}" dt="2024-06-12T12:00:52.915" v="23" actId="34135"/>
        <pc:sldMkLst>
          <pc:docMk/>
          <pc:sldMk cId="3035780936" sldId="271"/>
        </pc:sldMkLst>
        <pc:spChg chg="mod">
          <ac:chgData name="Miora Rakotomavo" userId="0542eb8e-0c83-4bd8-bda9-0dca6cb8b5f9" providerId="ADAL" clId="{6B5AAE2B-616C-443D-A2A9-E8198E87A431}" dt="2024-06-12T12:00:49.666" v="22" actId="34135"/>
          <ac:spMkLst>
            <pc:docMk/>
            <pc:sldMk cId="3035780936" sldId="271"/>
            <ac:spMk id="4" creationId="{82338759-4F96-8B49-6244-B2579A2873CD}"/>
          </ac:spMkLst>
        </pc:spChg>
        <pc:spChg chg="mod">
          <ac:chgData name="Miora Rakotomavo" userId="0542eb8e-0c83-4bd8-bda9-0dca6cb8b5f9" providerId="ADAL" clId="{6B5AAE2B-616C-443D-A2A9-E8198E87A431}" dt="2024-06-12T12:00:49.666" v="22" actId="34135"/>
          <ac:spMkLst>
            <pc:docMk/>
            <pc:sldMk cId="3035780936" sldId="271"/>
            <ac:spMk id="7" creationId="{EC8F4EED-9F72-8007-0CA6-0ACFE9C27CAA}"/>
          </ac:spMkLst>
        </pc:spChg>
        <pc:spChg chg="mod">
          <ac:chgData name="Miora Rakotomavo" userId="0542eb8e-0c83-4bd8-bda9-0dca6cb8b5f9" providerId="ADAL" clId="{6B5AAE2B-616C-443D-A2A9-E8198E87A431}" dt="2024-06-12T12:00:49.666" v="22" actId="34135"/>
          <ac:spMkLst>
            <pc:docMk/>
            <pc:sldMk cId="3035780936" sldId="271"/>
            <ac:spMk id="8" creationId="{01604DE3-10AC-6EC9-E2DD-BDA8A6337140}"/>
          </ac:spMkLst>
        </pc:spChg>
        <pc:grpChg chg="add mod">
          <ac:chgData name="Miora Rakotomavo" userId="0542eb8e-0c83-4bd8-bda9-0dca6cb8b5f9" providerId="ADAL" clId="{6B5AAE2B-616C-443D-A2A9-E8198E87A431}" dt="2024-06-12T12:00:49.666" v="22" actId="34135"/>
          <ac:grpSpMkLst>
            <pc:docMk/>
            <pc:sldMk cId="3035780936" sldId="271"/>
            <ac:grpSpMk id="2" creationId="{E1B83955-84C2-7C0F-4CF5-0DA30A650D4E}"/>
          </ac:grpSpMkLst>
        </pc:grpChg>
        <pc:picChg chg="mod">
          <ac:chgData name="Miora Rakotomavo" userId="0542eb8e-0c83-4bd8-bda9-0dca6cb8b5f9" providerId="ADAL" clId="{6B5AAE2B-616C-443D-A2A9-E8198E87A431}" dt="2024-06-12T12:00:52.915" v="23" actId="34135"/>
          <ac:picMkLst>
            <pc:docMk/>
            <pc:sldMk cId="3035780936" sldId="271"/>
            <ac:picMk id="6" creationId="{0E924537-4614-4FFF-6FDE-634F0D04AA5D}"/>
          </ac:picMkLst>
        </pc:picChg>
      </pc:sldChg>
      <pc:sldChg chg="modSp">
        <pc:chgData name="Miora Rakotomavo" userId="0542eb8e-0c83-4bd8-bda9-0dca6cb8b5f9" providerId="ADAL" clId="{6B5AAE2B-616C-443D-A2A9-E8198E87A431}" dt="2024-06-12T11:59:49.206" v="14" actId="14826"/>
        <pc:sldMkLst>
          <pc:docMk/>
          <pc:sldMk cId="245014488" sldId="273"/>
        </pc:sldMkLst>
        <pc:picChg chg="mod">
          <ac:chgData name="Miora Rakotomavo" userId="0542eb8e-0c83-4bd8-bda9-0dca6cb8b5f9" providerId="ADAL" clId="{6B5AAE2B-616C-443D-A2A9-E8198E87A431}" dt="2024-06-12T11:59:49.206" v="14" actId="14826"/>
          <ac:picMkLst>
            <pc:docMk/>
            <pc:sldMk cId="245014488" sldId="273"/>
            <ac:picMk id="4" creationId="{7C6FE71D-DCD4-6E22-1DD3-9B02677ED244}"/>
          </ac:picMkLst>
        </pc:picChg>
      </pc:sldChg>
      <pc:sldChg chg="modSp mod">
        <pc:chgData name="Miora Rakotomavo" userId="0542eb8e-0c83-4bd8-bda9-0dca6cb8b5f9" providerId="ADAL" clId="{6B5AAE2B-616C-443D-A2A9-E8198E87A431}" dt="2024-06-12T12:00:59.284" v="25" actId="34135"/>
        <pc:sldMkLst>
          <pc:docMk/>
          <pc:sldMk cId="789460267" sldId="274"/>
        </pc:sldMkLst>
        <pc:picChg chg="mod ord">
          <ac:chgData name="Miora Rakotomavo" userId="0542eb8e-0c83-4bd8-bda9-0dca6cb8b5f9" providerId="ADAL" clId="{6B5AAE2B-616C-443D-A2A9-E8198E87A431}" dt="2024-06-12T12:00:59.284" v="25" actId="34135"/>
          <ac:picMkLst>
            <pc:docMk/>
            <pc:sldMk cId="789460267" sldId="274"/>
            <ac:picMk id="14" creationId="{74131BA3-DB1B-86D7-C707-747AA6A3EA65}"/>
          </ac:picMkLst>
        </pc:picChg>
      </pc:sldChg>
    </pc:docChg>
  </pc:docChgLst>
  <pc:docChgLst>
    <pc:chgData name="Christine Murphy" userId="36975e2f-8164-45eb-98b1-6e56392de35a" providerId="ADAL" clId="{EC897392-EF69-4CA2-9371-C2BA2E86C8BA}"/>
    <pc:docChg chg="undo custSel modSld">
      <pc:chgData name="Christine Murphy" userId="36975e2f-8164-45eb-98b1-6e56392de35a" providerId="ADAL" clId="{EC897392-EF69-4CA2-9371-C2BA2E86C8BA}" dt="2023-06-28T12:14:14.058" v="164" actId="14826"/>
      <pc:docMkLst>
        <pc:docMk/>
      </pc:docMkLst>
      <pc:sldChg chg="addSp delSp modSp mod">
        <pc:chgData name="Christine Murphy" userId="36975e2f-8164-45eb-98b1-6e56392de35a" providerId="ADAL" clId="{EC897392-EF69-4CA2-9371-C2BA2E86C8BA}" dt="2023-06-28T12:11:32.574" v="50" actId="13244"/>
        <pc:sldMkLst>
          <pc:docMk/>
          <pc:sldMk cId="2748576720" sldId="257"/>
        </pc:sldMkLst>
        <pc:spChg chg="add mod ord">
          <ac:chgData name="Christine Murphy" userId="36975e2f-8164-45eb-98b1-6e56392de35a" providerId="ADAL" clId="{EC897392-EF69-4CA2-9371-C2BA2E86C8BA}" dt="2023-06-28T12:11:32.574" v="50" actId="13244"/>
          <ac:spMkLst>
            <pc:docMk/>
            <pc:sldMk cId="2748576720" sldId="257"/>
            <ac:spMk id="7" creationId="{8F52D842-F1A1-1032-93F3-952508306881}"/>
          </ac:spMkLst>
        </pc:spChg>
        <pc:spChg chg="mod">
          <ac:chgData name="Christine Murphy" userId="36975e2f-8164-45eb-98b1-6e56392de35a" providerId="ADAL" clId="{EC897392-EF69-4CA2-9371-C2BA2E86C8BA}" dt="2023-06-28T12:11:25.555" v="48" actId="255"/>
          <ac:spMkLst>
            <pc:docMk/>
            <pc:sldMk cId="2748576720" sldId="257"/>
            <ac:spMk id="31" creationId="{FD097587-D05D-4458-B1AF-E8ACBEFDA7DE}"/>
          </ac:spMkLst>
        </pc:spChg>
        <pc:picChg chg="del">
          <ac:chgData name="Christine Murphy" userId="36975e2f-8164-45eb-98b1-6e56392de35a" providerId="ADAL" clId="{EC897392-EF69-4CA2-9371-C2BA2E86C8BA}" dt="2023-06-28T12:11:31.406" v="49" actId="478"/>
          <ac:picMkLst>
            <pc:docMk/>
            <pc:sldMk cId="2748576720" sldId="257"/>
            <ac:picMk id="2" creationId="{39285FAB-F1D1-7015-52E2-3D3924A2ABBA}"/>
          </ac:picMkLst>
        </pc:picChg>
        <pc:picChg chg="add mod">
          <ac:chgData name="Christine Murphy" userId="36975e2f-8164-45eb-98b1-6e56392de35a" providerId="ADAL" clId="{EC897392-EF69-4CA2-9371-C2BA2E86C8BA}" dt="2023-06-28T12:10:56.835" v="2" actId="1076"/>
          <ac:picMkLst>
            <pc:docMk/>
            <pc:sldMk cId="2748576720" sldId="257"/>
            <ac:picMk id="3" creationId="{BC6CEEA5-F30F-35D3-9627-1FBEC72AE3F4}"/>
          </ac:picMkLst>
        </pc:picChg>
        <pc:picChg chg="del">
          <ac:chgData name="Christine Murphy" userId="36975e2f-8164-45eb-98b1-6e56392de35a" providerId="ADAL" clId="{EC897392-EF69-4CA2-9371-C2BA2E86C8BA}" dt="2023-06-28T12:10:52.211" v="0" actId="478"/>
          <ac:picMkLst>
            <pc:docMk/>
            <pc:sldMk cId="2748576720" sldId="257"/>
            <ac:picMk id="4" creationId="{524699B5-32E6-A8D6-7969-E5B80BA6104A}"/>
          </ac:picMkLst>
        </pc:picChg>
      </pc:sldChg>
      <pc:sldChg chg="modSp mod">
        <pc:chgData name="Christine Murphy" userId="36975e2f-8164-45eb-98b1-6e56392de35a" providerId="ADAL" clId="{EC897392-EF69-4CA2-9371-C2BA2E86C8BA}" dt="2023-06-28T12:14:14.058" v="164" actId="14826"/>
        <pc:sldMkLst>
          <pc:docMk/>
          <pc:sldMk cId="2041794120" sldId="263"/>
        </pc:sldMkLst>
        <pc:spChg chg="mod">
          <ac:chgData name="Christine Murphy" userId="36975e2f-8164-45eb-98b1-6e56392de35a" providerId="ADAL" clId="{EC897392-EF69-4CA2-9371-C2BA2E86C8BA}" dt="2023-06-28T12:13:27.079" v="140" actId="20577"/>
          <ac:spMkLst>
            <pc:docMk/>
            <pc:sldMk cId="2041794120" sldId="263"/>
            <ac:spMk id="2" creationId="{AA913166-3AF7-51D2-1C44-8E13974A175A}"/>
          </ac:spMkLst>
        </pc:spChg>
        <pc:spChg chg="mod">
          <ac:chgData name="Christine Murphy" userId="36975e2f-8164-45eb-98b1-6e56392de35a" providerId="ADAL" clId="{EC897392-EF69-4CA2-9371-C2BA2E86C8BA}" dt="2023-06-28T12:14:03.789" v="163"/>
          <ac:spMkLst>
            <pc:docMk/>
            <pc:sldMk cId="2041794120" sldId="263"/>
            <ac:spMk id="5" creationId="{8C2F15C8-4893-5703-E7FC-E8C0F7FE8EDB}"/>
          </ac:spMkLst>
        </pc:spChg>
        <pc:picChg chg="mod">
          <ac:chgData name="Christine Murphy" userId="36975e2f-8164-45eb-98b1-6e56392de35a" providerId="ADAL" clId="{EC897392-EF69-4CA2-9371-C2BA2E86C8BA}" dt="2023-06-28T12:14:14.058" v="164" actId="14826"/>
          <ac:picMkLst>
            <pc:docMk/>
            <pc:sldMk cId="2041794120" sldId="263"/>
            <ac:picMk id="14" creationId="{9B7B8B36-DF25-A8B4-8436-58CA6B13DF06}"/>
          </ac:picMkLst>
        </pc:picChg>
      </pc:sldChg>
      <pc:sldChg chg="addSp delSp modSp mod">
        <pc:chgData name="Christine Murphy" userId="36975e2f-8164-45eb-98b1-6e56392de35a" providerId="ADAL" clId="{EC897392-EF69-4CA2-9371-C2BA2E86C8BA}" dt="2023-06-28T12:12:39.449" v="131" actId="13244"/>
        <pc:sldMkLst>
          <pc:docMk/>
          <pc:sldMk cId="245014488" sldId="273"/>
        </pc:sldMkLst>
        <pc:spChg chg="add mod ord">
          <ac:chgData name="Christine Murphy" userId="36975e2f-8164-45eb-98b1-6e56392de35a" providerId="ADAL" clId="{EC897392-EF69-4CA2-9371-C2BA2E86C8BA}" dt="2023-06-28T12:12:39.449" v="131" actId="13244"/>
          <ac:spMkLst>
            <pc:docMk/>
            <pc:sldMk cId="245014488" sldId="273"/>
            <ac:spMk id="7" creationId="{D7BE2099-2261-E5CD-4A0A-B35FD878B17C}"/>
          </ac:spMkLst>
        </pc:spChg>
        <pc:spChg chg="mod">
          <ac:chgData name="Christine Murphy" userId="36975e2f-8164-45eb-98b1-6e56392de35a" providerId="ADAL" clId="{EC897392-EF69-4CA2-9371-C2BA2E86C8BA}" dt="2023-06-28T12:12:35.038" v="129" actId="20577"/>
          <ac:spMkLst>
            <pc:docMk/>
            <pc:sldMk cId="245014488" sldId="273"/>
            <ac:spMk id="17" creationId="{7E242B1F-447C-C2FD-5776-51AA6272A986}"/>
          </ac:spMkLst>
        </pc:spChg>
        <pc:spChg chg="mod">
          <ac:chgData name="Christine Murphy" userId="36975e2f-8164-45eb-98b1-6e56392de35a" providerId="ADAL" clId="{EC897392-EF69-4CA2-9371-C2BA2E86C8BA}" dt="2023-06-28T12:12:30.632" v="118" actId="20577"/>
          <ac:spMkLst>
            <pc:docMk/>
            <pc:sldMk cId="245014488" sldId="273"/>
            <ac:spMk id="31" creationId="{FD097587-D05D-4458-B1AF-E8ACBEFDA7DE}"/>
          </ac:spMkLst>
        </pc:spChg>
        <pc:picChg chg="del">
          <ac:chgData name="Christine Murphy" userId="36975e2f-8164-45eb-98b1-6e56392de35a" providerId="ADAL" clId="{EC897392-EF69-4CA2-9371-C2BA2E86C8BA}" dt="2023-06-28T12:12:38.338" v="130" actId="478"/>
          <ac:picMkLst>
            <pc:docMk/>
            <pc:sldMk cId="245014488" sldId="273"/>
            <ac:picMk id="2" creationId="{0E036B6D-F5ED-09C7-333C-BB427AFCF146}"/>
          </ac:picMkLst>
        </pc:picChg>
        <pc:picChg chg="add mod">
          <ac:chgData name="Christine Murphy" userId="36975e2f-8164-45eb-98b1-6e56392de35a" providerId="ADAL" clId="{EC897392-EF69-4CA2-9371-C2BA2E86C8BA}" dt="2023-06-28T12:12:18.024" v="87" actId="1076"/>
          <ac:picMkLst>
            <pc:docMk/>
            <pc:sldMk cId="245014488" sldId="273"/>
            <ac:picMk id="3" creationId="{BC6CEEA5-F30F-35D3-9627-1FBEC72AE3F4}"/>
          </ac:picMkLst>
        </pc:picChg>
        <pc:picChg chg="del">
          <ac:chgData name="Christine Murphy" userId="36975e2f-8164-45eb-98b1-6e56392de35a" providerId="ADAL" clId="{EC897392-EF69-4CA2-9371-C2BA2E86C8BA}" dt="2023-06-28T12:12:11.476" v="84" actId="478"/>
          <ac:picMkLst>
            <pc:docMk/>
            <pc:sldMk cId="245014488" sldId="273"/>
            <ac:picMk id="4" creationId="{DCC18E59-F18F-A6A2-5AFF-70421E4E3427}"/>
          </ac:picMkLst>
        </pc:picChg>
      </pc:sldChg>
      <pc:sldChg chg="addSp delSp modSp mod">
        <pc:chgData name="Christine Murphy" userId="36975e2f-8164-45eb-98b1-6e56392de35a" providerId="ADAL" clId="{EC897392-EF69-4CA2-9371-C2BA2E86C8BA}" dt="2023-06-28T12:13:02.374" v="135" actId="1076"/>
        <pc:sldMkLst>
          <pc:docMk/>
          <pc:sldMk cId="789460267" sldId="274"/>
        </pc:sldMkLst>
        <pc:spChg chg="mod">
          <ac:chgData name="Christine Murphy" userId="36975e2f-8164-45eb-98b1-6e56392de35a" providerId="ADAL" clId="{EC897392-EF69-4CA2-9371-C2BA2E86C8BA}" dt="2023-06-28T12:11:58.401" v="82" actId="5793"/>
          <ac:spMkLst>
            <pc:docMk/>
            <pc:sldMk cId="789460267" sldId="274"/>
            <ac:spMk id="10" creationId="{692EB162-24E3-63FE-FC37-116A8C09E27A}"/>
          </ac:spMkLst>
        </pc:spChg>
        <pc:spChg chg="mod">
          <ac:chgData name="Christine Murphy" userId="36975e2f-8164-45eb-98b1-6e56392de35a" providerId="ADAL" clId="{EC897392-EF69-4CA2-9371-C2BA2E86C8BA}" dt="2023-06-28T12:12:54.305" v="132"/>
          <ac:spMkLst>
            <pc:docMk/>
            <pc:sldMk cId="789460267" sldId="274"/>
            <ac:spMk id="13" creationId="{2A0F3FF7-45B5-80F3-D6DB-CF957F7574F8}"/>
          </ac:spMkLst>
        </pc:spChg>
        <pc:spChg chg="mod">
          <ac:chgData name="Christine Murphy" userId="36975e2f-8164-45eb-98b1-6e56392de35a" providerId="ADAL" clId="{EC897392-EF69-4CA2-9371-C2BA2E86C8BA}" dt="2023-06-28T12:12:54.305" v="132"/>
          <ac:spMkLst>
            <pc:docMk/>
            <pc:sldMk cId="789460267" sldId="274"/>
            <ac:spMk id="14" creationId="{E952617F-DC25-D2BD-AF1E-6549D97BF433}"/>
          </ac:spMkLst>
        </pc:spChg>
        <pc:spChg chg="mod">
          <ac:chgData name="Christine Murphy" userId="36975e2f-8164-45eb-98b1-6e56392de35a" providerId="ADAL" clId="{EC897392-EF69-4CA2-9371-C2BA2E86C8BA}" dt="2023-06-28T12:12:54.305" v="132"/>
          <ac:spMkLst>
            <pc:docMk/>
            <pc:sldMk cId="789460267" sldId="274"/>
            <ac:spMk id="15" creationId="{13CC083F-2335-BEB6-2E0D-6D692311AB6F}"/>
          </ac:spMkLst>
        </pc:spChg>
        <pc:grpChg chg="add mod">
          <ac:chgData name="Christine Murphy" userId="36975e2f-8164-45eb-98b1-6e56392de35a" providerId="ADAL" clId="{EC897392-EF69-4CA2-9371-C2BA2E86C8BA}" dt="2023-06-28T12:13:02.374" v="135" actId="1076"/>
          <ac:grpSpMkLst>
            <pc:docMk/>
            <pc:sldMk cId="789460267" sldId="274"/>
            <ac:grpSpMk id="12" creationId="{AF730379-4C7B-D93E-CA59-B489C6659C04}"/>
          </ac:grpSpMkLst>
        </pc:grpChg>
        <pc:picChg chg="del">
          <ac:chgData name="Christine Murphy" userId="36975e2f-8164-45eb-98b1-6e56392de35a" providerId="ADAL" clId="{EC897392-EF69-4CA2-9371-C2BA2E86C8BA}" dt="2023-06-28T12:12:01.789" v="83" actId="478"/>
          <ac:picMkLst>
            <pc:docMk/>
            <pc:sldMk cId="789460267" sldId="274"/>
            <ac:picMk id="3" creationId="{B10CBF97-B183-64D9-96BA-FF090921D46A}"/>
          </ac:picMkLst>
        </pc:picChg>
        <pc:picChg chg="add mod">
          <ac:chgData name="Christine Murphy" userId="36975e2f-8164-45eb-98b1-6e56392de35a" providerId="ADAL" clId="{EC897392-EF69-4CA2-9371-C2BA2E86C8BA}" dt="2023-06-28T12:11:45.866" v="53" actId="1076"/>
          <ac:picMkLst>
            <pc:docMk/>
            <pc:sldMk cId="789460267" sldId="274"/>
            <ac:picMk id="6" creationId="{BC6CEEA5-F30F-35D3-9627-1FBEC72AE3F4}"/>
          </ac:picMkLst>
        </pc:picChg>
        <pc:picChg chg="del">
          <ac:chgData name="Christine Murphy" userId="36975e2f-8164-45eb-98b1-6e56392de35a" providerId="ADAL" clId="{EC897392-EF69-4CA2-9371-C2BA2E86C8BA}" dt="2023-06-28T12:11:37.058" v="51" actId="478"/>
          <ac:picMkLst>
            <pc:docMk/>
            <pc:sldMk cId="789460267" sldId="274"/>
            <ac:picMk id="16" creationId="{5C5F4D3A-A0B2-ED5B-BD14-1714E2817437}"/>
          </ac:picMkLst>
        </pc:picChg>
      </pc:sldChg>
    </pc:docChg>
  </pc:docChgLst>
  <pc:docChgLst>
    <pc:chgData name="Nataly Echezuria" userId="016cf74e-e64d-40ef-b55b-1485ed1ed370" providerId="ADAL" clId="{0FD5DD8D-8A0A-412D-954D-33FDDAE00C19}"/>
    <pc:docChg chg="undo custSel modSld">
      <pc:chgData name="Nataly Echezuria" userId="016cf74e-e64d-40ef-b55b-1485ed1ed370" providerId="ADAL" clId="{0FD5DD8D-8A0A-412D-954D-33FDDAE00C19}" dt="2024-01-22T17:01:50.925" v="180"/>
      <pc:docMkLst>
        <pc:docMk/>
      </pc:docMkLst>
      <pc:sldChg chg="addSp delSp modSp mod setBg">
        <pc:chgData name="Nataly Echezuria" userId="016cf74e-e64d-40ef-b55b-1485ed1ed370" providerId="ADAL" clId="{0FD5DD8D-8A0A-412D-954D-33FDDAE00C19}" dt="2024-01-22T17:01:50.925" v="180"/>
        <pc:sldMkLst>
          <pc:docMk/>
          <pc:sldMk cId="2748576720" sldId="257"/>
        </pc:sldMkLst>
        <pc:spChg chg="add del mod">
          <ac:chgData name="Nataly Echezuria" userId="016cf74e-e64d-40ef-b55b-1485ed1ed370" providerId="ADAL" clId="{0FD5DD8D-8A0A-412D-954D-33FDDAE00C19}" dt="2024-01-22T16:56:45.883" v="134" actId="478"/>
          <ac:spMkLst>
            <pc:docMk/>
            <pc:sldMk cId="2748576720" sldId="257"/>
            <ac:spMk id="5" creationId="{F94CC1B9-F6E2-4151-EE1D-4E2F18F3FD8F}"/>
          </ac:spMkLst>
        </pc:spChg>
        <pc:spChg chg="add del mod">
          <ac:chgData name="Nataly Echezuria" userId="016cf74e-e64d-40ef-b55b-1485ed1ed370" providerId="ADAL" clId="{0FD5DD8D-8A0A-412D-954D-33FDDAE00C19}" dt="2024-01-22T16:56:46.436" v="135" actId="478"/>
          <ac:spMkLst>
            <pc:docMk/>
            <pc:sldMk cId="2748576720" sldId="257"/>
            <ac:spMk id="7" creationId="{44161D13-42A1-DC0A-1471-44F777B60496}"/>
          </ac:spMkLst>
        </pc:spChg>
        <pc:spChg chg="add del">
          <ac:chgData name="Nataly Echezuria" userId="016cf74e-e64d-40ef-b55b-1485ed1ed370" providerId="ADAL" clId="{0FD5DD8D-8A0A-412D-954D-33FDDAE00C19}" dt="2024-01-22T16:56:44.334" v="132" actId="478"/>
          <ac:spMkLst>
            <pc:docMk/>
            <pc:sldMk cId="2748576720" sldId="257"/>
            <ac:spMk id="11" creationId="{1F2D0138-A200-A91F-7B3D-2516AE2A5E50}"/>
          </ac:spMkLst>
        </pc:spChg>
        <pc:spChg chg="del">
          <ac:chgData name="Nataly Echezuria" userId="016cf74e-e64d-40ef-b55b-1485ed1ed370" providerId="ADAL" clId="{0FD5DD8D-8A0A-412D-954D-33FDDAE00C19}" dt="2024-01-22T16:55:30.413" v="110" actId="478"/>
          <ac:spMkLst>
            <pc:docMk/>
            <pc:sldMk cId="2748576720" sldId="257"/>
            <ac:spMk id="14" creationId="{A291C34A-FAF1-683D-3DA4-62261254622A}"/>
          </ac:spMkLst>
        </pc:spChg>
        <pc:spChg chg="del">
          <ac:chgData name="Nataly Echezuria" userId="016cf74e-e64d-40ef-b55b-1485ed1ed370" providerId="ADAL" clId="{0FD5DD8D-8A0A-412D-954D-33FDDAE00C19}" dt="2024-01-22T16:55:25.546" v="107" actId="478"/>
          <ac:spMkLst>
            <pc:docMk/>
            <pc:sldMk cId="2748576720" sldId="257"/>
            <ac:spMk id="15" creationId="{240937C8-2FBF-6840-8CC4-B3BF5AAC90EF}"/>
          </ac:spMkLst>
        </pc:spChg>
        <pc:spChg chg="del mod">
          <ac:chgData name="Nataly Echezuria" userId="016cf74e-e64d-40ef-b55b-1485ed1ed370" providerId="ADAL" clId="{0FD5DD8D-8A0A-412D-954D-33FDDAE00C19}" dt="2024-01-22T16:55:27.088" v="108" actId="478"/>
          <ac:spMkLst>
            <pc:docMk/>
            <pc:sldMk cId="2748576720" sldId="257"/>
            <ac:spMk id="16" creationId="{A8B114A4-2918-EB2B-8534-67CCE7C155A4}"/>
          </ac:spMkLst>
        </pc:spChg>
        <pc:spChg chg="del mod">
          <ac:chgData name="Nataly Echezuria" userId="016cf74e-e64d-40ef-b55b-1485ed1ed370" providerId="ADAL" clId="{0FD5DD8D-8A0A-412D-954D-33FDDAE00C19}" dt="2024-01-22T16:55:29.051" v="109" actId="478"/>
          <ac:spMkLst>
            <pc:docMk/>
            <pc:sldMk cId="2748576720" sldId="257"/>
            <ac:spMk id="18" creationId="{3303AB1C-A1C6-67B3-6D5F-F41ABB624B23}"/>
          </ac:spMkLst>
        </pc:spChg>
        <pc:spChg chg="add del mod">
          <ac:chgData name="Nataly Echezuria" userId="016cf74e-e64d-40ef-b55b-1485ed1ed370" providerId="ADAL" clId="{0FD5DD8D-8A0A-412D-954D-33FDDAE00C19}" dt="2024-01-22T16:56:45.283" v="133" actId="478"/>
          <ac:spMkLst>
            <pc:docMk/>
            <pc:sldMk cId="2748576720" sldId="257"/>
            <ac:spMk id="20" creationId="{8D96D94B-D357-E9CA-7764-2CC38A083F16}"/>
          </ac:spMkLst>
        </pc:spChg>
        <pc:spChg chg="add del">
          <ac:chgData name="Nataly Echezuria" userId="016cf74e-e64d-40ef-b55b-1485ed1ed370" providerId="ADAL" clId="{0FD5DD8D-8A0A-412D-954D-33FDDAE00C19}" dt="2024-01-22T16:56:26.930" v="131" actId="478"/>
          <ac:spMkLst>
            <pc:docMk/>
            <pc:sldMk cId="2748576720" sldId="257"/>
            <ac:spMk id="35" creationId="{32CEF7D5-037E-404D-B964-AAAAD721CD04}"/>
          </ac:spMkLst>
        </pc:spChg>
        <pc:picChg chg="del">
          <ac:chgData name="Nataly Echezuria" userId="016cf74e-e64d-40ef-b55b-1485ed1ed370" providerId="ADAL" clId="{0FD5DD8D-8A0A-412D-954D-33FDDAE00C19}" dt="2024-01-22T16:55:24.088" v="106" actId="478"/>
          <ac:picMkLst>
            <pc:docMk/>
            <pc:sldMk cId="2748576720" sldId="257"/>
            <ac:picMk id="2" creationId="{61C2474F-E5B9-C2CE-1BAF-78E94F50143B}"/>
          </ac:picMkLst>
        </pc:picChg>
        <pc:picChg chg="add del mod ord">
          <ac:chgData name="Nataly Echezuria" userId="016cf74e-e64d-40ef-b55b-1485ed1ed370" providerId="ADAL" clId="{0FD5DD8D-8A0A-412D-954D-33FDDAE00C19}" dt="2024-01-22T16:56:47.407" v="136" actId="478"/>
          <ac:picMkLst>
            <pc:docMk/>
            <pc:sldMk cId="2748576720" sldId="257"/>
            <ac:picMk id="3" creationId="{4C8D5E7D-B7D0-956A-CC67-9F47B016CA29}"/>
          </ac:picMkLst>
        </pc:picChg>
        <pc:picChg chg="add del">
          <ac:chgData name="Nataly Echezuria" userId="016cf74e-e64d-40ef-b55b-1485ed1ed370" providerId="ADAL" clId="{0FD5DD8D-8A0A-412D-954D-33FDDAE00C19}" dt="2024-01-22T16:55:43.681" v="118" actId="22"/>
          <ac:picMkLst>
            <pc:docMk/>
            <pc:sldMk cId="2748576720" sldId="257"/>
            <ac:picMk id="9" creationId="{79C9A0A2-4EEB-79D4-6393-8124A1ED119A}"/>
          </ac:picMkLst>
        </pc:picChg>
        <pc:picChg chg="add mod">
          <ac:chgData name="Nataly Echezuria" userId="016cf74e-e64d-40ef-b55b-1485ed1ed370" providerId="ADAL" clId="{0FD5DD8D-8A0A-412D-954D-33FDDAE00C19}" dt="2024-01-22T17:01:50.925" v="180"/>
          <ac:picMkLst>
            <pc:docMk/>
            <pc:sldMk cId="2748576720" sldId="257"/>
            <ac:picMk id="12" creationId="{7F515EA1-2286-858E-F3A6-BD474CB8ED3E}"/>
          </ac:picMkLst>
        </pc:picChg>
      </pc:sldChg>
      <pc:sldChg chg="addSp delSp modSp mod">
        <pc:chgData name="Nataly Echezuria" userId="016cf74e-e64d-40ef-b55b-1485ed1ed370" providerId="ADAL" clId="{0FD5DD8D-8A0A-412D-954D-33FDDAE00C19}" dt="2024-01-22T16:50:01.843" v="100" actId="12788"/>
        <pc:sldMkLst>
          <pc:docMk/>
          <pc:sldMk cId="3035780936" sldId="271"/>
        </pc:sldMkLst>
        <pc:picChg chg="add mod">
          <ac:chgData name="Nataly Echezuria" userId="016cf74e-e64d-40ef-b55b-1485ed1ed370" providerId="ADAL" clId="{0FD5DD8D-8A0A-412D-954D-33FDDAE00C19}" dt="2024-01-22T16:50:01.843" v="100" actId="12788"/>
          <ac:picMkLst>
            <pc:docMk/>
            <pc:sldMk cId="3035780936" sldId="271"/>
            <ac:picMk id="4" creationId="{1A038923-FFF2-2388-BD59-A0D9B2853285}"/>
          </ac:picMkLst>
        </pc:picChg>
        <pc:picChg chg="del">
          <ac:chgData name="Nataly Echezuria" userId="016cf74e-e64d-40ef-b55b-1485ed1ed370" providerId="ADAL" clId="{0FD5DD8D-8A0A-412D-954D-33FDDAE00C19}" dt="2024-01-22T16:49:43.831" v="96" actId="478"/>
          <ac:picMkLst>
            <pc:docMk/>
            <pc:sldMk cId="3035780936" sldId="271"/>
            <ac:picMk id="6" creationId="{508739DE-A8E1-50E0-F62F-DD429B1049B6}"/>
          </ac:picMkLst>
        </pc:picChg>
      </pc:sldChg>
      <pc:sldChg chg="delSp modSp mod">
        <pc:chgData name="Nataly Echezuria" userId="016cf74e-e64d-40ef-b55b-1485ed1ed370" providerId="ADAL" clId="{0FD5DD8D-8A0A-412D-954D-33FDDAE00C19}" dt="2024-01-22T17:01:41.016" v="178"/>
        <pc:sldMkLst>
          <pc:docMk/>
          <pc:sldMk cId="245014488" sldId="273"/>
        </pc:sldMkLst>
        <pc:spChg chg="del mod">
          <ac:chgData name="Nataly Echezuria" userId="016cf74e-e64d-40ef-b55b-1485ed1ed370" providerId="ADAL" clId="{0FD5DD8D-8A0A-412D-954D-33FDDAE00C19}" dt="2024-01-22T17:01:29.818" v="174" actId="478"/>
          <ac:spMkLst>
            <pc:docMk/>
            <pc:sldMk cId="245014488" sldId="273"/>
            <ac:spMk id="13" creationId="{80DD1537-C023-F9B5-D2DB-4018078B50A5}"/>
          </ac:spMkLst>
        </pc:spChg>
        <pc:spChg chg="del">
          <ac:chgData name="Nataly Echezuria" userId="016cf74e-e64d-40ef-b55b-1485ed1ed370" providerId="ADAL" clId="{0FD5DD8D-8A0A-412D-954D-33FDDAE00C19}" dt="2024-01-22T17:01:30.524" v="175" actId="478"/>
          <ac:spMkLst>
            <pc:docMk/>
            <pc:sldMk cId="245014488" sldId="273"/>
            <ac:spMk id="16" creationId="{07C902A9-9103-7969-CCAD-88221A12D727}"/>
          </ac:spMkLst>
        </pc:spChg>
        <pc:spChg chg="del mod">
          <ac:chgData name="Nataly Echezuria" userId="016cf74e-e64d-40ef-b55b-1485ed1ed370" providerId="ADAL" clId="{0FD5DD8D-8A0A-412D-954D-33FDDAE00C19}" dt="2024-01-22T17:01:29.232" v="173" actId="478"/>
          <ac:spMkLst>
            <pc:docMk/>
            <pc:sldMk cId="245014488" sldId="273"/>
            <ac:spMk id="17" creationId="{7E242B1F-447C-C2FD-5776-51AA6272A986}"/>
          </ac:spMkLst>
        </pc:spChg>
        <pc:spChg chg="del">
          <ac:chgData name="Nataly Echezuria" userId="016cf74e-e64d-40ef-b55b-1485ed1ed370" providerId="ADAL" clId="{0FD5DD8D-8A0A-412D-954D-33FDDAE00C19}" dt="2024-01-22T17:01:26.627" v="169" actId="478"/>
          <ac:spMkLst>
            <pc:docMk/>
            <pc:sldMk cId="245014488" sldId="273"/>
            <ac:spMk id="19" creationId="{B64F73F2-7B13-A3DC-7BEC-70C2623EBF25}"/>
          </ac:spMkLst>
        </pc:spChg>
        <pc:spChg chg="del">
          <ac:chgData name="Nataly Echezuria" userId="016cf74e-e64d-40ef-b55b-1485ed1ed370" providerId="ADAL" clId="{0FD5DD8D-8A0A-412D-954D-33FDDAE00C19}" dt="2024-01-22T17:01:27.159" v="170" actId="478"/>
          <ac:spMkLst>
            <pc:docMk/>
            <pc:sldMk cId="245014488" sldId="273"/>
            <ac:spMk id="20" creationId="{FCC6A519-6155-F845-C6B6-5A88787A7D37}"/>
          </ac:spMkLst>
        </pc:spChg>
        <pc:spChg chg="del">
          <ac:chgData name="Nataly Echezuria" userId="016cf74e-e64d-40ef-b55b-1485ed1ed370" providerId="ADAL" clId="{0FD5DD8D-8A0A-412D-954D-33FDDAE00C19}" dt="2024-01-22T17:01:27.851" v="171" actId="478"/>
          <ac:spMkLst>
            <pc:docMk/>
            <pc:sldMk cId="245014488" sldId="273"/>
            <ac:spMk id="21" creationId="{2C9E56AD-2E0C-0A5B-FA37-14D0A98D3041}"/>
          </ac:spMkLst>
        </pc:spChg>
        <pc:spChg chg="del">
          <ac:chgData name="Nataly Echezuria" userId="016cf74e-e64d-40ef-b55b-1485ed1ed370" providerId="ADAL" clId="{0FD5DD8D-8A0A-412D-954D-33FDDAE00C19}" dt="2024-01-22T17:01:28.630" v="172" actId="478"/>
          <ac:spMkLst>
            <pc:docMk/>
            <pc:sldMk cId="245014488" sldId="273"/>
            <ac:spMk id="35" creationId="{32CEF7D5-037E-404D-B964-AAAAD721CD04}"/>
          </ac:spMkLst>
        </pc:spChg>
        <pc:picChg chg="mod ord">
          <ac:chgData name="Nataly Echezuria" userId="016cf74e-e64d-40ef-b55b-1485ed1ed370" providerId="ADAL" clId="{0FD5DD8D-8A0A-412D-954D-33FDDAE00C19}" dt="2024-01-22T17:01:41.016" v="178"/>
          <ac:picMkLst>
            <pc:docMk/>
            <pc:sldMk cId="245014488" sldId="273"/>
            <ac:picMk id="2" creationId="{52E54D61-6F3F-E6B7-5F6F-590439554BC3}"/>
          </ac:picMkLst>
        </pc:picChg>
        <pc:picChg chg="del">
          <ac:chgData name="Nataly Echezuria" userId="016cf74e-e64d-40ef-b55b-1485ed1ed370" providerId="ADAL" clId="{0FD5DD8D-8A0A-412D-954D-33FDDAE00C19}" dt="2024-01-22T17:01:31.194" v="176" actId="478"/>
          <ac:picMkLst>
            <pc:docMk/>
            <pc:sldMk cId="245014488" sldId="273"/>
            <ac:picMk id="3" creationId="{9F304585-705E-3C82-2C47-1FE1408D1DED}"/>
          </ac:picMkLst>
        </pc:picChg>
      </pc:sldChg>
      <pc:sldChg chg="addSp delSp modSp mod">
        <pc:chgData name="Nataly Echezuria" userId="016cf74e-e64d-40ef-b55b-1485ed1ed370" providerId="ADAL" clId="{0FD5DD8D-8A0A-412D-954D-33FDDAE00C19}" dt="2024-01-22T17:01:47.919" v="179"/>
        <pc:sldMkLst>
          <pc:docMk/>
          <pc:sldMk cId="789460267" sldId="274"/>
        </pc:sldMkLst>
        <pc:spChg chg="add del mod">
          <ac:chgData name="Nataly Echezuria" userId="016cf74e-e64d-40ef-b55b-1485ed1ed370" providerId="ADAL" clId="{0FD5DD8D-8A0A-412D-954D-33FDDAE00C19}" dt="2024-01-22T16:50:13.344" v="102" actId="478"/>
          <ac:spMkLst>
            <pc:docMk/>
            <pc:sldMk cId="789460267" sldId="274"/>
            <ac:spMk id="4" creationId="{2E8BA1AA-A795-2AF1-6E1E-CDDB0D890D55}"/>
          </ac:spMkLst>
        </pc:spChg>
        <pc:spChg chg="mod modVis">
          <ac:chgData name="Nataly Echezuria" userId="016cf74e-e64d-40ef-b55b-1485ed1ed370" providerId="ADAL" clId="{0FD5DD8D-8A0A-412D-954D-33FDDAE00C19}" dt="2024-01-22T17:00:55.655" v="166" actId="14429"/>
          <ac:spMkLst>
            <pc:docMk/>
            <pc:sldMk cId="789460267" sldId="274"/>
            <ac:spMk id="5" creationId="{3805FF7A-3484-1EDE-7EE4-BBE196BA4DB2}"/>
          </ac:spMkLst>
        </pc:spChg>
        <pc:spChg chg="mod modVis">
          <ac:chgData name="Nataly Echezuria" userId="016cf74e-e64d-40ef-b55b-1485ed1ed370" providerId="ADAL" clId="{0FD5DD8D-8A0A-412D-954D-33FDDAE00C19}" dt="2024-01-22T17:00:55.301" v="165" actId="14429"/>
          <ac:spMkLst>
            <pc:docMk/>
            <pc:sldMk cId="789460267" sldId="274"/>
            <ac:spMk id="7" creationId="{22BEFDDE-4F75-E4C1-D461-F2DC7262A728}"/>
          </ac:spMkLst>
        </pc:spChg>
        <pc:spChg chg="mod">
          <ac:chgData name="Nataly Echezuria" userId="016cf74e-e64d-40ef-b55b-1485ed1ed370" providerId="ADAL" clId="{0FD5DD8D-8A0A-412D-954D-33FDDAE00C19}" dt="2024-01-22T16:49:06.445" v="90"/>
          <ac:spMkLst>
            <pc:docMk/>
            <pc:sldMk cId="789460267" sldId="274"/>
            <ac:spMk id="9" creationId="{66C635BE-9BF9-B8D5-F51C-772DF29CEBEE}"/>
          </ac:spMkLst>
        </pc:spChg>
        <pc:spChg chg="mod">
          <ac:chgData name="Nataly Echezuria" userId="016cf74e-e64d-40ef-b55b-1485ed1ed370" providerId="ADAL" clId="{0FD5DD8D-8A0A-412D-954D-33FDDAE00C19}" dt="2024-01-22T16:49:06.445" v="90"/>
          <ac:spMkLst>
            <pc:docMk/>
            <pc:sldMk cId="789460267" sldId="274"/>
            <ac:spMk id="10" creationId="{56EC1251-2EB0-3A2F-D954-8363AEC1B535}"/>
          </ac:spMkLst>
        </pc:spChg>
        <pc:spChg chg="add del mod modVis">
          <ac:chgData name="Nataly Echezuria" userId="016cf74e-e64d-40ef-b55b-1485ed1ed370" providerId="ADAL" clId="{0FD5DD8D-8A0A-412D-954D-33FDDAE00C19}" dt="2024-01-22T17:00:55.987" v="167" actId="14429"/>
          <ac:spMkLst>
            <pc:docMk/>
            <pc:sldMk cId="789460267" sldId="274"/>
            <ac:spMk id="11" creationId="{D7117594-489B-29F6-A61E-4717D1FEDA54}"/>
          </ac:spMkLst>
        </pc:spChg>
        <pc:spChg chg="mod">
          <ac:chgData name="Nataly Echezuria" userId="016cf74e-e64d-40ef-b55b-1485ed1ed370" providerId="ADAL" clId="{0FD5DD8D-8A0A-412D-954D-33FDDAE00C19}" dt="2024-01-22T16:49:06.445" v="90"/>
          <ac:spMkLst>
            <pc:docMk/>
            <pc:sldMk cId="789460267" sldId="274"/>
            <ac:spMk id="12" creationId="{B9426CA5-FC08-772C-0B32-22ABC3C83D07}"/>
          </ac:spMkLst>
        </pc:spChg>
        <pc:spChg chg="add del">
          <ac:chgData name="Nataly Echezuria" userId="016cf74e-e64d-40ef-b55b-1485ed1ed370" providerId="ADAL" clId="{0FD5DD8D-8A0A-412D-954D-33FDDAE00C19}" dt="2024-01-22T17:00:45.270" v="161" actId="478"/>
          <ac:spMkLst>
            <pc:docMk/>
            <pc:sldMk cId="789460267" sldId="274"/>
            <ac:spMk id="24" creationId="{366FB2E1-5E49-085D-7279-B0062D39D898}"/>
          </ac:spMkLst>
        </pc:spChg>
        <pc:spChg chg="add del">
          <ac:chgData name="Nataly Echezuria" userId="016cf74e-e64d-40ef-b55b-1485ed1ed370" providerId="ADAL" clId="{0FD5DD8D-8A0A-412D-954D-33FDDAE00C19}" dt="2024-01-22T17:00:46.163" v="162" actId="478"/>
          <ac:spMkLst>
            <pc:docMk/>
            <pc:sldMk cId="789460267" sldId="274"/>
            <ac:spMk id="25" creationId="{EB13819F-B49E-D35D-0D0C-BC851B9E8ACC}"/>
          </ac:spMkLst>
        </pc:spChg>
        <pc:spChg chg="add del">
          <ac:chgData name="Nataly Echezuria" userId="016cf74e-e64d-40ef-b55b-1485ed1ed370" providerId="ADAL" clId="{0FD5DD8D-8A0A-412D-954D-33FDDAE00C19}" dt="2024-01-22T17:00:46.827" v="163" actId="478"/>
          <ac:spMkLst>
            <pc:docMk/>
            <pc:sldMk cId="789460267" sldId="274"/>
            <ac:spMk id="26" creationId="{0C66D4ED-97EC-DF3F-0205-E6F256E31683}"/>
          </ac:spMkLst>
        </pc:spChg>
        <pc:spChg chg="del mod">
          <ac:chgData name="Nataly Echezuria" userId="016cf74e-e64d-40ef-b55b-1485ed1ed370" providerId="ADAL" clId="{0FD5DD8D-8A0A-412D-954D-33FDDAE00C19}" dt="2024-01-22T17:00:22.424" v="149" actId="478"/>
          <ac:spMkLst>
            <pc:docMk/>
            <pc:sldMk cId="789460267" sldId="274"/>
            <ac:spMk id="30" creationId="{1FCC11C5-30B0-29D7-2555-EE00887DAECF}"/>
          </ac:spMkLst>
        </pc:spChg>
        <pc:grpChg chg="add del mod ord">
          <ac:chgData name="Nataly Echezuria" userId="016cf74e-e64d-40ef-b55b-1485ed1ed370" providerId="ADAL" clId="{0FD5DD8D-8A0A-412D-954D-33FDDAE00C19}" dt="2024-01-22T16:50:12.512" v="101" actId="478"/>
          <ac:grpSpMkLst>
            <pc:docMk/>
            <pc:sldMk cId="789460267" sldId="274"/>
            <ac:grpSpMk id="6" creationId="{349ED9FF-0FBE-E9D7-05D9-DEC001D993A6}"/>
          </ac:grpSpMkLst>
        </pc:grpChg>
        <pc:picChg chg="add del mod ord">
          <ac:chgData name="Nataly Echezuria" userId="016cf74e-e64d-40ef-b55b-1485ed1ed370" providerId="ADAL" clId="{0FD5DD8D-8A0A-412D-954D-33FDDAE00C19}" dt="2024-01-22T17:01:47.919" v="179"/>
          <ac:picMkLst>
            <pc:docMk/>
            <pc:sldMk cId="789460267" sldId="274"/>
            <ac:picMk id="2" creationId="{C4A91859-DAEA-4C22-1362-9EBAC0365C4B}"/>
          </ac:picMkLst>
        </pc:picChg>
        <pc:picChg chg="del">
          <ac:chgData name="Nataly Echezuria" userId="016cf74e-e64d-40ef-b55b-1485ed1ed370" providerId="ADAL" clId="{0FD5DD8D-8A0A-412D-954D-33FDDAE00C19}" dt="2024-01-22T17:00:23.139" v="150" actId="478"/>
          <ac:picMkLst>
            <pc:docMk/>
            <pc:sldMk cId="789460267" sldId="274"/>
            <ac:picMk id="3" creationId="{5D2EE2A2-9503-F020-F6DA-9A4873423460}"/>
          </ac:picMkLst>
        </pc:picChg>
        <pc:picChg chg="add del mod">
          <ac:chgData name="Nataly Echezuria" userId="016cf74e-e64d-40ef-b55b-1485ed1ed370" providerId="ADAL" clId="{0FD5DD8D-8A0A-412D-954D-33FDDAE00C19}" dt="2024-01-22T17:00:37.969" v="156"/>
          <ac:picMkLst>
            <pc:docMk/>
            <pc:sldMk cId="789460267" sldId="274"/>
            <ac:picMk id="6" creationId="{BC3EDB43-4FE6-47E1-DE49-0C4162189CF8}"/>
          </ac:picMkLst>
        </pc:picChg>
        <pc:picChg chg="del">
          <ac:chgData name="Nataly Echezuria" userId="016cf74e-e64d-40ef-b55b-1485ed1ed370" providerId="ADAL" clId="{0FD5DD8D-8A0A-412D-954D-33FDDAE00C19}" dt="2024-01-22T17:00:20.182" v="148" actId="478"/>
          <ac:picMkLst>
            <pc:docMk/>
            <pc:sldMk cId="789460267" sldId="274"/>
            <ac:picMk id="8" creationId="{46DFBB2B-1A8E-05A8-5E80-3CF1EE32AE28}"/>
          </ac:picMkLst>
        </pc:pic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1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1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1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13/06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1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1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1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13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13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13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1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1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6/1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hyperlink" Target="https://www.iata.org/en/events/all/iata-aviation-energy-forum/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8D491BCE-BFA8-98A3-52B5-12DD7D8A17C1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AEF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AEF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E924537-4614-4FFF-6FDE-634F0D04AA5D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62923" y="3687395"/>
            <a:ext cx="4876847" cy="2738869"/>
          </a:xfrm>
          <a:prstGeom prst="rect">
            <a:avLst/>
          </a:prstGeom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E1B83955-84C2-7C0F-4CF5-0DA30A650D4E}"/>
              </a:ext>
            </a:extLst>
          </p:cNvPr>
          <p:cNvGrpSpPr>
            <a:grpSpLocks noGrp="1" noUngrp="1" noRot="1" noMove="1" noResize="1"/>
          </p:cNvGrpSpPr>
          <p:nvPr/>
        </p:nvGrpSpPr>
        <p:grpSpPr>
          <a:xfrm>
            <a:off x="7081213" y="4160101"/>
            <a:ext cx="553771" cy="1088122"/>
            <a:chOff x="1306168" y="815353"/>
            <a:chExt cx="991737" cy="1979946"/>
          </a:xfrm>
        </p:grpSpPr>
        <p:sp>
          <p:nvSpPr>
            <p:cNvPr id="4" name="Freeform 5">
              <a:extLst>
                <a:ext uri="{FF2B5EF4-FFF2-40B4-BE49-F238E27FC236}">
                  <a16:creationId xmlns:a16="http://schemas.microsoft.com/office/drawing/2014/main" id="{82338759-4F96-8B49-6244-B2579A2873CD}"/>
                </a:ext>
              </a:extLst>
            </p:cNvPr>
            <p:cNvSpPr>
              <a:spLocks noGrp="1" noRot="1" noChangeAspect="1" noMove="1" noResize="1" noEditPoints="1" noAdjustHandles="1" noChangeArrowheads="1" noChangeShapeType="1"/>
            </p:cNvSpPr>
            <p:nvPr/>
          </p:nvSpPr>
          <p:spPr bwMode="auto">
            <a:xfrm flipH="1">
              <a:off x="1307306" y="1808279"/>
              <a:ext cx="985838" cy="987020"/>
            </a:xfrm>
            <a:custGeom>
              <a:avLst/>
              <a:gdLst>
                <a:gd name="T0" fmla="*/ 0 w 3326"/>
                <a:gd name="T1" fmla="*/ 0 h 3330"/>
                <a:gd name="T2" fmla="*/ 0 w 3326"/>
                <a:gd name="T3" fmla="*/ 1665 h 3330"/>
                <a:gd name="T4" fmla="*/ 1109 w 3326"/>
                <a:gd name="T5" fmla="*/ 1665 h 3330"/>
                <a:gd name="T6" fmla="*/ 1109 w 3326"/>
                <a:gd name="T7" fmla="*/ 3330 h 3330"/>
                <a:gd name="T8" fmla="*/ 3326 w 3326"/>
                <a:gd name="T9" fmla="*/ 3330 h 3330"/>
                <a:gd name="T10" fmla="*/ 3326 w 3326"/>
                <a:gd name="T11" fmla="*/ 0 h 3330"/>
                <a:gd name="T12" fmla="*/ 0 w 3326"/>
                <a:gd name="T13" fmla="*/ 0 h 33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326" h="3330">
                  <a:moveTo>
                    <a:pt x="0" y="0"/>
                  </a:moveTo>
                  <a:lnTo>
                    <a:pt x="0" y="1665"/>
                  </a:lnTo>
                  <a:lnTo>
                    <a:pt x="1109" y="1665"/>
                  </a:lnTo>
                  <a:lnTo>
                    <a:pt x="1109" y="3330"/>
                  </a:lnTo>
                  <a:lnTo>
                    <a:pt x="3326" y="3330"/>
                  </a:lnTo>
                  <a:lnTo>
                    <a:pt x="332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1E32FA"/>
            </a:solidFill>
            <a:ln>
              <a:solidFill>
                <a:srgbClr val="1E32FA"/>
              </a:solidFill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EC8F4EED-9F72-8007-0CA6-0ACFE9C27CAA}"/>
                </a:ext>
              </a:extLst>
            </p:cNvPr>
            <p:cNvSpPr>
              <a:spLocks noGrp="1" noRot="1" noChangeAspect="1" noMove="1" noResize="1" noEditPoints="1" noAdjustHandles="1" noChangeArrowheads="1" noChangeShapeType="1"/>
            </p:cNvSpPr>
            <p:nvPr/>
          </p:nvSpPr>
          <p:spPr bwMode="auto">
            <a:xfrm>
              <a:off x="1306168" y="815353"/>
              <a:ext cx="991737" cy="992926"/>
            </a:xfrm>
            <a:prstGeom prst="ellipse">
              <a:avLst/>
            </a:prstGeom>
            <a:solidFill>
              <a:srgbClr val="FAC832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01604DE3-10AC-6EC9-E2DD-BDA8A6337140}"/>
                </a:ext>
              </a:extLst>
            </p:cNvPr>
            <p:cNvSpPr>
              <a:spLocks noGrp="1" noRot="1" noChangeAspect="1" noMove="1" noResize="1" noEditPoints="1" noAdjustHandles="1" noChangeArrowheads="1" noChangeShapeType="1"/>
            </p:cNvSpPr>
            <p:nvPr/>
          </p:nvSpPr>
          <p:spPr bwMode="auto">
            <a:xfrm rot="16200000">
              <a:off x="1685021" y="1351310"/>
              <a:ext cx="230410" cy="460407"/>
            </a:xfrm>
            <a:custGeom>
              <a:avLst/>
              <a:gdLst>
                <a:gd name="connsiteX0" fmla="*/ 270676 w 270676"/>
                <a:gd name="connsiteY0" fmla="*/ 0 h 540866"/>
                <a:gd name="connsiteX1" fmla="*/ 270676 w 270676"/>
                <a:gd name="connsiteY1" fmla="*/ 270352 h 540866"/>
                <a:gd name="connsiteX2" fmla="*/ 270514 w 270676"/>
                <a:gd name="connsiteY2" fmla="*/ 270352 h 540866"/>
                <a:gd name="connsiteX3" fmla="*/ 270514 w 270676"/>
                <a:gd name="connsiteY3" fmla="*/ 274419 h 540866"/>
                <a:gd name="connsiteX4" fmla="*/ 270514 w 270676"/>
                <a:gd name="connsiteY4" fmla="*/ 540866 h 540866"/>
                <a:gd name="connsiteX5" fmla="*/ 5653 w 270676"/>
                <a:gd name="connsiteY5" fmla="*/ 324752 h 540866"/>
                <a:gd name="connsiteX6" fmla="*/ 178 w 270676"/>
                <a:gd name="connsiteY6" fmla="*/ 270352 h 540866"/>
                <a:gd name="connsiteX7" fmla="*/ 0 w 270676"/>
                <a:gd name="connsiteY7" fmla="*/ 270352 h 540866"/>
                <a:gd name="connsiteX8" fmla="*/ 270676 w 270676"/>
                <a:gd name="connsiteY8" fmla="*/ 0 h 5408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0676" h="540866">
                  <a:moveTo>
                    <a:pt x="270676" y="0"/>
                  </a:moveTo>
                  <a:lnTo>
                    <a:pt x="270676" y="270352"/>
                  </a:lnTo>
                  <a:lnTo>
                    <a:pt x="270514" y="270352"/>
                  </a:lnTo>
                  <a:lnTo>
                    <a:pt x="270514" y="274419"/>
                  </a:lnTo>
                  <a:cubicBezTo>
                    <a:pt x="270514" y="287107"/>
                    <a:pt x="270514" y="337859"/>
                    <a:pt x="270514" y="540866"/>
                  </a:cubicBezTo>
                  <a:cubicBezTo>
                    <a:pt x="139832" y="540866"/>
                    <a:pt x="30855" y="448114"/>
                    <a:pt x="5653" y="324752"/>
                  </a:cubicBezTo>
                  <a:lnTo>
                    <a:pt x="178" y="270352"/>
                  </a:lnTo>
                  <a:lnTo>
                    <a:pt x="0" y="270352"/>
                  </a:lnTo>
                  <a:cubicBezTo>
                    <a:pt x="0" y="121001"/>
                    <a:pt x="121146" y="0"/>
                    <a:pt x="270676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>
            <a:extLst>
              <a:ext uri="{FF2B5EF4-FFF2-40B4-BE49-F238E27FC236}">
                <a16:creationId xmlns:a16="http://schemas.microsoft.com/office/drawing/2014/main" id="{74131BA3-DB1B-86D7-C707-747AA6A3EA65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57" y="6096"/>
            <a:ext cx="12189685" cy="6845807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54021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</p:sp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7C6FE71D-DCD4-6E22-1DD3-9B02677ED244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9" ma:contentTypeDescription="Create a new document." ma:contentTypeScope="" ma:versionID="8ddd99b71bf0388c7b93c71865c96e3c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527dc623d05d98141f8c1c9345ae6690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ffaaae9-dc8c-459f-a92e-1529c78bcbdb">
      <Terms xmlns="http://schemas.microsoft.com/office/infopath/2007/PartnerControls"/>
    </lcf76f155ced4ddcb4097134ff3c332f>
    <TaxCatchAll xmlns="da655568-1247-43c7-b5ce-0d71de2fb494" xsi:nil="true"/>
    <SharedWithUsers xmlns="86e16ca4-215f-4354-b2b5-4fac53992da1">
      <UserInfo>
        <DisplayName/>
        <AccountId xsi:nil="true"/>
        <AccountType/>
      </UserInfo>
    </SharedWithUsers>
    <MediaLengthInSeconds xmlns="4ffaaae9-dc8c-459f-a92e-1529c78bcbdb" xsi:nil="true"/>
    <Teammemberincharge xmlns="4ffaaae9-dc8c-459f-a92e-1529c78bcbdb" xsi:nil="true"/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FA034E5C-8257-4066-BF85-2680EC9855E3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B34183C6-7270-4AC2-9CD2-45B68A49FD3D}">
  <ds:schemaRefs>
    <ds:schemaRef ds:uri="86e16ca4-215f-4354-b2b5-4fac53992da1"/>
    <ds:schemaRef ds:uri="http://purl.org/dc/elements/1.1/"/>
    <ds:schemaRef ds:uri="http://schemas.microsoft.com/office/2006/metadata/properties"/>
    <ds:schemaRef ds:uri="http://schemas.microsoft.com/office/infopath/2007/PartnerControls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da655568-1247-43c7-b5ce-0d71de2fb494"/>
    <ds:schemaRef ds:uri="4ffaaae9-dc8c-459f-a92e-1529c78bcbdb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211</TotalTime>
  <Words>111</Words>
  <Application>Microsoft Office PowerPoint</Application>
  <PresentationFormat>Widescreen</PresentationFormat>
  <Paragraphs>8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9" baseType="lpstr">
      <vt:lpstr>Aktiv Grotesk</vt:lpstr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Miora Rakotomavo</cp:lastModifiedBy>
  <cp:revision>2</cp:revision>
  <dcterms:created xsi:type="dcterms:W3CDTF">2023-06-13T12:34:15Z</dcterms:created>
  <dcterms:modified xsi:type="dcterms:W3CDTF">2024-06-13T11:36:1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D35BE1AB82ED949983D4C3BEFB295AA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</Properties>
</file>